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Lst>
  <p:notesMasterIdLst>
    <p:notesMasterId r:id="rId22"/>
  </p:notesMasterIdLst>
  <p:sldIdLst>
    <p:sldId id="284" r:id="rId5"/>
    <p:sldId id="270" r:id="rId6"/>
    <p:sldId id="1378" r:id="rId7"/>
    <p:sldId id="1382" r:id="rId8"/>
    <p:sldId id="1383" r:id="rId9"/>
    <p:sldId id="1385" r:id="rId10"/>
    <p:sldId id="1390" r:id="rId11"/>
    <p:sldId id="1403" r:id="rId12"/>
    <p:sldId id="1391" r:id="rId13"/>
    <p:sldId id="1394" r:id="rId14"/>
    <p:sldId id="1393" r:id="rId15"/>
    <p:sldId id="1397" r:id="rId16"/>
    <p:sldId id="1399" r:id="rId17"/>
    <p:sldId id="1396" r:id="rId18"/>
    <p:sldId id="1398" r:id="rId19"/>
    <p:sldId id="1400" r:id="rId20"/>
    <p:sldId id="1384" r:id="rId2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E4610F"/>
    <a:srgbClr val="AA6BA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40736AA-2D8A-477F-8F00-B7CA75F7113B}" v="4108" dt="2023-02-23T06:23:16.90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90" d="100"/>
          <a:sy n="90" d="100"/>
        </p:scale>
        <p:origin x="298" y="6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presProps" Target="presProps.xml"/><Relationship Id="rId28" Type="http://schemas.microsoft.com/office/2015/10/relationships/revisionInfo" Target="revisionInfo.xml"/><Relationship Id="rId10" Type="http://schemas.openxmlformats.org/officeDocument/2006/relationships/slide" Target="slides/slide6.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notesMaster" Target="notesMasters/notesMaster1.xml"/><Relationship Id="rId27"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agbanua, Paul" userId="S::paul.magbanua@arcadisasia.com::1c0d259b-08c1-4e64-9be0-88f00c99a53e" providerId="AD" clId="Web-{8924E30A-0526-991A-0A83-90B27986DE86}"/>
    <pc:docChg chg="modSld">
      <pc:chgData name="Magbanua, Paul" userId="S::paul.magbanua@arcadisasia.com::1c0d259b-08c1-4e64-9be0-88f00c99a53e" providerId="AD" clId="Web-{8924E30A-0526-991A-0A83-90B27986DE86}" dt="2023-02-23T03:37:08.942" v="25" actId="20577"/>
      <pc:docMkLst>
        <pc:docMk/>
      </pc:docMkLst>
      <pc:sldChg chg="modSp">
        <pc:chgData name="Magbanua, Paul" userId="S::paul.magbanua@arcadisasia.com::1c0d259b-08c1-4e64-9be0-88f00c99a53e" providerId="AD" clId="Web-{8924E30A-0526-991A-0A83-90B27986DE86}" dt="2023-02-23T03:37:08.942" v="25" actId="20577"/>
        <pc:sldMkLst>
          <pc:docMk/>
          <pc:sldMk cId="750602339" sldId="270"/>
        </pc:sldMkLst>
        <pc:spChg chg="mod">
          <ac:chgData name="Magbanua, Paul" userId="S::paul.magbanua@arcadisasia.com::1c0d259b-08c1-4e64-9be0-88f00c99a53e" providerId="AD" clId="Web-{8924E30A-0526-991A-0A83-90B27986DE86}" dt="2023-02-23T03:37:08.942" v="25" actId="20577"/>
          <ac:spMkLst>
            <pc:docMk/>
            <pc:sldMk cId="750602339" sldId="270"/>
            <ac:spMk id="60" creationId="{E5337E63-2ACC-BFD9-AA15-281DD03BD3FE}"/>
          </ac:spMkLst>
        </pc:spChg>
      </pc:sldChg>
    </pc:docChg>
  </pc:docChgLst>
  <pc:docChgLst>
    <pc:chgData name="Perez, William Davin" userId="baf47b03-c00a-4c94-b624-683493afdc8d" providerId="ADAL" clId="{B92F875D-7FB3-4D55-B1A2-6AB8403D051D}"/>
    <pc:docChg chg="undo custSel modSld">
      <pc:chgData name="Perez, William Davin" userId="baf47b03-c00a-4c94-b624-683493afdc8d" providerId="ADAL" clId="{B92F875D-7FB3-4D55-B1A2-6AB8403D051D}" dt="2023-02-23T01:09:58.289" v="699" actId="1076"/>
      <pc:docMkLst>
        <pc:docMk/>
      </pc:docMkLst>
      <pc:sldChg chg="addSp delSp modSp mod modNotesTx">
        <pc:chgData name="Perez, William Davin" userId="baf47b03-c00a-4c94-b624-683493afdc8d" providerId="ADAL" clId="{B92F875D-7FB3-4D55-B1A2-6AB8403D051D}" dt="2023-02-22T10:38:53.340" v="214" actId="1076"/>
        <pc:sldMkLst>
          <pc:docMk/>
          <pc:sldMk cId="2472294736" sldId="1383"/>
        </pc:sldMkLst>
        <pc:spChg chg="add mod">
          <ac:chgData name="Perez, William Davin" userId="baf47b03-c00a-4c94-b624-683493afdc8d" providerId="ADAL" clId="{B92F875D-7FB3-4D55-B1A2-6AB8403D051D}" dt="2023-02-22T10:38:41.843" v="211" actId="1076"/>
          <ac:spMkLst>
            <pc:docMk/>
            <pc:sldMk cId="2472294736" sldId="1383"/>
            <ac:spMk id="6" creationId="{68FF1AA1-5097-E7A7-2F36-EB3A0DFFCE34}"/>
          </ac:spMkLst>
        </pc:spChg>
        <pc:spChg chg="mod">
          <ac:chgData name="Perez, William Davin" userId="baf47b03-c00a-4c94-b624-683493afdc8d" providerId="ADAL" clId="{B92F875D-7FB3-4D55-B1A2-6AB8403D051D}" dt="2023-02-22T10:26:40.169" v="86" actId="1076"/>
          <ac:spMkLst>
            <pc:docMk/>
            <pc:sldMk cId="2472294736" sldId="1383"/>
            <ac:spMk id="9" creationId="{72A0CC32-A292-6DFF-E2BF-2B10B4FB0A4C}"/>
          </ac:spMkLst>
        </pc:spChg>
        <pc:spChg chg="add mod">
          <ac:chgData name="Perez, William Davin" userId="baf47b03-c00a-4c94-b624-683493afdc8d" providerId="ADAL" clId="{B92F875D-7FB3-4D55-B1A2-6AB8403D051D}" dt="2023-02-22T10:26:36.577" v="85" actId="1076"/>
          <ac:spMkLst>
            <pc:docMk/>
            <pc:sldMk cId="2472294736" sldId="1383"/>
            <ac:spMk id="11" creationId="{81ACBC22-30B5-5255-D056-706031BBC618}"/>
          </ac:spMkLst>
        </pc:spChg>
        <pc:spChg chg="add mod">
          <ac:chgData name="Perez, William Davin" userId="baf47b03-c00a-4c94-b624-683493afdc8d" providerId="ADAL" clId="{B92F875D-7FB3-4D55-B1A2-6AB8403D051D}" dt="2023-02-22T10:38:48.224" v="213" actId="1076"/>
          <ac:spMkLst>
            <pc:docMk/>
            <pc:sldMk cId="2472294736" sldId="1383"/>
            <ac:spMk id="14" creationId="{5FABD41C-1441-CB90-9672-D73720155DF9}"/>
          </ac:spMkLst>
        </pc:spChg>
        <pc:picChg chg="add mod modCrop">
          <ac:chgData name="Perez, William Davin" userId="baf47b03-c00a-4c94-b624-683493afdc8d" providerId="ADAL" clId="{B92F875D-7FB3-4D55-B1A2-6AB8403D051D}" dt="2023-02-22T10:38:41.843" v="211" actId="1076"/>
          <ac:picMkLst>
            <pc:docMk/>
            <pc:sldMk cId="2472294736" sldId="1383"/>
            <ac:picMk id="2" creationId="{29D7D264-95FC-E356-7161-61F9ADCB0A32}"/>
          </ac:picMkLst>
        </pc:picChg>
        <pc:picChg chg="add del mod">
          <ac:chgData name="Perez, William Davin" userId="baf47b03-c00a-4c94-b624-683493afdc8d" providerId="ADAL" clId="{B92F875D-7FB3-4D55-B1A2-6AB8403D051D}" dt="2023-02-22T10:15:29.839" v="26" actId="478"/>
          <ac:picMkLst>
            <pc:docMk/>
            <pc:sldMk cId="2472294736" sldId="1383"/>
            <ac:picMk id="5" creationId="{183A752B-E7E7-FBB8-BEA6-81C9EA42ED82}"/>
          </ac:picMkLst>
        </pc:picChg>
        <pc:picChg chg="mod">
          <ac:chgData name="Perez, William Davin" userId="baf47b03-c00a-4c94-b624-683493afdc8d" providerId="ADAL" clId="{B92F875D-7FB3-4D55-B1A2-6AB8403D051D}" dt="2023-02-22T10:14:35.590" v="16" actId="1076"/>
          <ac:picMkLst>
            <pc:docMk/>
            <pc:sldMk cId="2472294736" sldId="1383"/>
            <ac:picMk id="8" creationId="{BFAD9B45-E1F3-CF1D-B0C2-D8AD61B3873D}"/>
          </ac:picMkLst>
        </pc:picChg>
        <pc:picChg chg="add mod modCrop">
          <ac:chgData name="Perez, William Davin" userId="baf47b03-c00a-4c94-b624-683493afdc8d" providerId="ADAL" clId="{B92F875D-7FB3-4D55-B1A2-6AB8403D051D}" dt="2023-02-22T10:23:49.212" v="66" actId="1076"/>
          <ac:picMkLst>
            <pc:docMk/>
            <pc:sldMk cId="2472294736" sldId="1383"/>
            <ac:picMk id="10" creationId="{CB3C7245-CECD-A429-7725-CC9C72EC0C95}"/>
          </ac:picMkLst>
        </pc:picChg>
        <pc:picChg chg="add mod modCrop">
          <ac:chgData name="Perez, William Davin" userId="baf47b03-c00a-4c94-b624-683493afdc8d" providerId="ADAL" clId="{B92F875D-7FB3-4D55-B1A2-6AB8403D051D}" dt="2023-02-22T10:38:53.340" v="214" actId="1076"/>
          <ac:picMkLst>
            <pc:docMk/>
            <pc:sldMk cId="2472294736" sldId="1383"/>
            <ac:picMk id="13" creationId="{917D066D-99F5-06D6-E705-D79D89288A07}"/>
          </ac:picMkLst>
        </pc:picChg>
      </pc:sldChg>
      <pc:sldChg chg="modSp mod">
        <pc:chgData name="Perez, William Davin" userId="baf47b03-c00a-4c94-b624-683493afdc8d" providerId="ADAL" clId="{B92F875D-7FB3-4D55-B1A2-6AB8403D051D}" dt="2023-02-22T22:45:07.231" v="236" actId="13822"/>
        <pc:sldMkLst>
          <pc:docMk/>
          <pc:sldMk cId="4150294950" sldId="1388"/>
        </pc:sldMkLst>
        <pc:spChg chg="mod">
          <ac:chgData name="Perez, William Davin" userId="baf47b03-c00a-4c94-b624-683493afdc8d" providerId="ADAL" clId="{B92F875D-7FB3-4D55-B1A2-6AB8403D051D}" dt="2023-02-22T22:45:07.231" v="236" actId="13822"/>
          <ac:spMkLst>
            <pc:docMk/>
            <pc:sldMk cId="4150294950" sldId="1388"/>
            <ac:spMk id="7" creationId="{D43DB710-6859-E2B3-7BDD-9CFFF31C2C9D}"/>
          </ac:spMkLst>
        </pc:spChg>
      </pc:sldChg>
      <pc:sldChg chg="modSp">
        <pc:chgData name="Perez, William Davin" userId="baf47b03-c00a-4c94-b624-683493afdc8d" providerId="ADAL" clId="{B92F875D-7FB3-4D55-B1A2-6AB8403D051D}" dt="2023-02-22T23:00:29.977" v="697" actId="18131"/>
        <pc:sldMkLst>
          <pc:docMk/>
          <pc:sldMk cId="1292856687" sldId="1390"/>
        </pc:sldMkLst>
        <pc:graphicFrameChg chg="mod">
          <ac:chgData name="Perez, William Davin" userId="baf47b03-c00a-4c94-b624-683493afdc8d" providerId="ADAL" clId="{B92F875D-7FB3-4D55-B1A2-6AB8403D051D}" dt="2023-02-22T22:55:30.256" v="691"/>
          <ac:graphicFrameMkLst>
            <pc:docMk/>
            <pc:sldMk cId="1292856687" sldId="1390"/>
            <ac:graphicFrameMk id="3" creationId="{BB1C15F7-C488-47C7-A978-892FFA962C42}"/>
          </ac:graphicFrameMkLst>
        </pc:graphicFrameChg>
        <pc:graphicFrameChg chg="mod">
          <ac:chgData name="Perez, William Davin" userId="baf47b03-c00a-4c94-b624-683493afdc8d" providerId="ADAL" clId="{B92F875D-7FB3-4D55-B1A2-6AB8403D051D}" dt="2023-02-22T22:57:13.261" v="694" actId="18131"/>
          <ac:graphicFrameMkLst>
            <pc:docMk/>
            <pc:sldMk cId="1292856687" sldId="1390"/>
            <ac:graphicFrameMk id="5" creationId="{9C206567-DCAF-C8B6-67B3-41DEB2481042}"/>
          </ac:graphicFrameMkLst>
        </pc:graphicFrameChg>
        <pc:graphicFrameChg chg="mod">
          <ac:chgData name="Perez, William Davin" userId="baf47b03-c00a-4c94-b624-683493afdc8d" providerId="ADAL" clId="{B92F875D-7FB3-4D55-B1A2-6AB8403D051D}" dt="2023-02-22T23:00:29.977" v="697" actId="18131"/>
          <ac:graphicFrameMkLst>
            <pc:docMk/>
            <pc:sldMk cId="1292856687" sldId="1390"/>
            <ac:graphicFrameMk id="6" creationId="{E7995745-E2D2-518D-2158-1E4E7759DE4D}"/>
          </ac:graphicFrameMkLst>
        </pc:graphicFrameChg>
      </pc:sldChg>
      <pc:sldChg chg="modSp mod">
        <pc:chgData name="Perez, William Davin" userId="baf47b03-c00a-4c94-b624-683493afdc8d" providerId="ADAL" clId="{B92F875D-7FB3-4D55-B1A2-6AB8403D051D}" dt="2023-02-22T22:46:41.952" v="238" actId="13822"/>
        <pc:sldMkLst>
          <pc:docMk/>
          <pc:sldMk cId="2163880909" sldId="1391"/>
        </pc:sldMkLst>
        <pc:spChg chg="mod">
          <ac:chgData name="Perez, William Davin" userId="baf47b03-c00a-4c94-b624-683493afdc8d" providerId="ADAL" clId="{B92F875D-7FB3-4D55-B1A2-6AB8403D051D}" dt="2023-02-22T22:46:41.952" v="238" actId="13822"/>
          <ac:spMkLst>
            <pc:docMk/>
            <pc:sldMk cId="2163880909" sldId="1391"/>
            <ac:spMk id="32" creationId="{64977448-CF42-6EB8-DD97-FEFB7707ADA4}"/>
          </ac:spMkLst>
        </pc:spChg>
      </pc:sldChg>
      <pc:sldChg chg="modSp mod">
        <pc:chgData name="Perez, William Davin" userId="baf47b03-c00a-4c94-b624-683493afdc8d" providerId="ADAL" clId="{B92F875D-7FB3-4D55-B1A2-6AB8403D051D}" dt="2023-02-23T01:09:58.289" v="699" actId="1076"/>
        <pc:sldMkLst>
          <pc:docMk/>
          <pc:sldMk cId="2767853665" sldId="1393"/>
        </pc:sldMkLst>
        <pc:picChg chg="mod">
          <ac:chgData name="Perez, William Davin" userId="baf47b03-c00a-4c94-b624-683493afdc8d" providerId="ADAL" clId="{B92F875D-7FB3-4D55-B1A2-6AB8403D051D}" dt="2023-02-23T01:09:58.289" v="699" actId="1076"/>
          <ac:picMkLst>
            <pc:docMk/>
            <pc:sldMk cId="2767853665" sldId="1393"/>
            <ac:picMk id="66" creationId="{2556FF3D-F599-CE9D-15F1-C8F3597F2C00}"/>
          </ac:picMkLst>
        </pc:picChg>
      </pc:sldChg>
      <pc:sldChg chg="modSp mod">
        <pc:chgData name="Perez, William Davin" userId="baf47b03-c00a-4c94-b624-683493afdc8d" providerId="ADAL" clId="{B92F875D-7FB3-4D55-B1A2-6AB8403D051D}" dt="2023-02-22T22:51:02.440" v="689" actId="113"/>
        <pc:sldMkLst>
          <pc:docMk/>
          <pc:sldMk cId="1861739020" sldId="1394"/>
        </pc:sldMkLst>
        <pc:spChg chg="mod">
          <ac:chgData name="Perez, William Davin" userId="baf47b03-c00a-4c94-b624-683493afdc8d" providerId="ADAL" clId="{B92F875D-7FB3-4D55-B1A2-6AB8403D051D}" dt="2023-02-22T22:45:48.648" v="237" actId="13822"/>
          <ac:spMkLst>
            <pc:docMk/>
            <pc:sldMk cId="1861739020" sldId="1394"/>
            <ac:spMk id="6" creationId="{8B808231-65EF-52C9-A7DF-F56B466A0D43}"/>
          </ac:spMkLst>
        </pc:spChg>
        <pc:spChg chg="mod">
          <ac:chgData name="Perez, William Davin" userId="baf47b03-c00a-4c94-b624-683493afdc8d" providerId="ADAL" clId="{B92F875D-7FB3-4D55-B1A2-6AB8403D051D}" dt="2023-02-22T22:45:48.648" v="237" actId="13822"/>
          <ac:spMkLst>
            <pc:docMk/>
            <pc:sldMk cId="1861739020" sldId="1394"/>
            <ac:spMk id="10" creationId="{913F24D6-61D7-9095-D3BD-99A74A38C32E}"/>
          </ac:spMkLst>
        </pc:spChg>
        <pc:spChg chg="mod">
          <ac:chgData name="Perez, William Davin" userId="baf47b03-c00a-4c94-b624-683493afdc8d" providerId="ADAL" clId="{B92F875D-7FB3-4D55-B1A2-6AB8403D051D}" dt="2023-02-22T22:45:48.648" v="237" actId="13822"/>
          <ac:spMkLst>
            <pc:docMk/>
            <pc:sldMk cId="1861739020" sldId="1394"/>
            <ac:spMk id="11" creationId="{3DAAF1F0-5E3D-B697-1E67-853A9A7908E4}"/>
          </ac:spMkLst>
        </pc:spChg>
        <pc:spChg chg="mod">
          <ac:chgData name="Perez, William Davin" userId="baf47b03-c00a-4c94-b624-683493afdc8d" providerId="ADAL" clId="{B92F875D-7FB3-4D55-B1A2-6AB8403D051D}" dt="2023-02-22T22:45:48.648" v="237" actId="13822"/>
          <ac:spMkLst>
            <pc:docMk/>
            <pc:sldMk cId="1861739020" sldId="1394"/>
            <ac:spMk id="13" creationId="{F9BD4387-5B8A-82DF-7605-8EB4358C68B8}"/>
          </ac:spMkLst>
        </pc:spChg>
        <pc:spChg chg="mod">
          <ac:chgData name="Perez, William Davin" userId="baf47b03-c00a-4c94-b624-683493afdc8d" providerId="ADAL" clId="{B92F875D-7FB3-4D55-B1A2-6AB8403D051D}" dt="2023-02-22T22:45:48.648" v="237" actId="13822"/>
          <ac:spMkLst>
            <pc:docMk/>
            <pc:sldMk cId="1861739020" sldId="1394"/>
            <ac:spMk id="14" creationId="{9AC95748-7D85-594D-1AC9-116F60D984E6}"/>
          </ac:spMkLst>
        </pc:spChg>
        <pc:spChg chg="mod">
          <ac:chgData name="Perez, William Davin" userId="baf47b03-c00a-4c94-b624-683493afdc8d" providerId="ADAL" clId="{B92F875D-7FB3-4D55-B1A2-6AB8403D051D}" dt="2023-02-22T22:45:48.648" v="237" actId="13822"/>
          <ac:spMkLst>
            <pc:docMk/>
            <pc:sldMk cId="1861739020" sldId="1394"/>
            <ac:spMk id="15" creationId="{7A3DB163-406D-64FD-400E-EC0436439904}"/>
          </ac:spMkLst>
        </pc:spChg>
        <pc:spChg chg="mod">
          <ac:chgData name="Perez, William Davin" userId="baf47b03-c00a-4c94-b624-683493afdc8d" providerId="ADAL" clId="{B92F875D-7FB3-4D55-B1A2-6AB8403D051D}" dt="2023-02-22T22:45:48.648" v="237" actId="13822"/>
          <ac:spMkLst>
            <pc:docMk/>
            <pc:sldMk cId="1861739020" sldId="1394"/>
            <ac:spMk id="16" creationId="{42E1D7BB-1447-5E3C-5EB6-2931DFDDBEF2}"/>
          </ac:spMkLst>
        </pc:spChg>
        <pc:spChg chg="mod">
          <ac:chgData name="Perez, William Davin" userId="baf47b03-c00a-4c94-b624-683493afdc8d" providerId="ADAL" clId="{B92F875D-7FB3-4D55-B1A2-6AB8403D051D}" dt="2023-02-22T22:50:59.883" v="688" actId="113"/>
          <ac:spMkLst>
            <pc:docMk/>
            <pc:sldMk cId="1861739020" sldId="1394"/>
            <ac:spMk id="28" creationId="{EEC86F5A-BFAA-1E6E-1BF0-D3CEC0E941B5}"/>
          </ac:spMkLst>
        </pc:spChg>
        <pc:spChg chg="mod">
          <ac:chgData name="Perez, William Davin" userId="baf47b03-c00a-4c94-b624-683493afdc8d" providerId="ADAL" clId="{B92F875D-7FB3-4D55-B1A2-6AB8403D051D}" dt="2023-02-22T22:51:02.440" v="689" actId="113"/>
          <ac:spMkLst>
            <pc:docMk/>
            <pc:sldMk cId="1861739020" sldId="1394"/>
            <ac:spMk id="29" creationId="{8482D66A-8E77-23E5-FFE0-C0400CE7B1B6}"/>
          </ac:spMkLst>
        </pc:spChg>
        <pc:graphicFrameChg chg="mod modGraphic">
          <ac:chgData name="Perez, William Davin" userId="baf47b03-c00a-4c94-b624-683493afdc8d" providerId="ADAL" clId="{B92F875D-7FB3-4D55-B1A2-6AB8403D051D}" dt="2023-02-22T22:35:48.424" v="234" actId="207"/>
          <ac:graphicFrameMkLst>
            <pc:docMk/>
            <pc:sldMk cId="1861739020" sldId="1394"/>
            <ac:graphicFrameMk id="27" creationId="{BD8DC114-F07D-CA44-4C86-A26407525FD8}"/>
          </ac:graphicFrameMkLst>
        </pc:graphicFrameChg>
        <pc:cxnChg chg="mod">
          <ac:chgData name="Perez, William Davin" userId="baf47b03-c00a-4c94-b624-683493afdc8d" providerId="ADAL" clId="{B92F875D-7FB3-4D55-B1A2-6AB8403D051D}" dt="2023-02-22T22:50:45.053" v="687" actId="692"/>
          <ac:cxnSpMkLst>
            <pc:docMk/>
            <pc:sldMk cId="1861739020" sldId="1394"/>
            <ac:cxnSpMk id="31" creationId="{936D7691-6272-38BB-61FB-E885F548B746}"/>
          </ac:cxnSpMkLst>
        </pc:cxnChg>
      </pc:sldChg>
    </pc:docChg>
  </pc:docChgLst>
  <pc:docChgLst>
    <pc:chgData name="Nam Le" userId="f5edd110-785b-40f8-8ae8-8aac6ac898db" providerId="ADAL" clId="{3A4AD891-9489-4BD6-88B8-A667CA7F5A11}"/>
    <pc:docChg chg="undo custSel addSld delSld modSld sldOrd modMainMaster">
      <pc:chgData name="Nam Le" userId="f5edd110-785b-40f8-8ae8-8aac6ac898db" providerId="ADAL" clId="{3A4AD891-9489-4BD6-88B8-A667CA7F5A11}" dt="2023-02-23T04:54:14.388" v="7817" actId="6549"/>
      <pc:docMkLst>
        <pc:docMk/>
      </pc:docMkLst>
      <pc:sldChg chg="del">
        <pc:chgData name="Nam Le" userId="f5edd110-785b-40f8-8ae8-8aac6ac898db" providerId="ADAL" clId="{3A4AD891-9489-4BD6-88B8-A667CA7F5A11}" dt="2023-02-22T04:50:27.684" v="2245" actId="47"/>
        <pc:sldMkLst>
          <pc:docMk/>
          <pc:sldMk cId="1775291864" sldId="258"/>
        </pc:sldMkLst>
      </pc:sldChg>
      <pc:sldChg chg="delSp modSp mod">
        <pc:chgData name="Nam Le" userId="f5edd110-785b-40f8-8ae8-8aac6ac898db" providerId="ADAL" clId="{3A4AD891-9489-4BD6-88B8-A667CA7F5A11}" dt="2023-02-22T02:27:54.753" v="11" actId="14100"/>
        <pc:sldMkLst>
          <pc:docMk/>
          <pc:sldMk cId="1208968626" sldId="259"/>
        </pc:sldMkLst>
        <pc:spChg chg="del">
          <ac:chgData name="Nam Le" userId="f5edd110-785b-40f8-8ae8-8aac6ac898db" providerId="ADAL" clId="{3A4AD891-9489-4BD6-88B8-A667CA7F5A11}" dt="2023-02-22T02:27:51.281" v="10" actId="478"/>
          <ac:spMkLst>
            <pc:docMk/>
            <pc:sldMk cId="1208968626" sldId="259"/>
            <ac:spMk id="16" creationId="{4D6861D6-106F-CBED-8679-67B13E1537C8}"/>
          </ac:spMkLst>
        </pc:spChg>
        <pc:graphicFrameChg chg="modGraphic">
          <ac:chgData name="Nam Le" userId="f5edd110-785b-40f8-8ae8-8aac6ac898db" providerId="ADAL" clId="{3A4AD891-9489-4BD6-88B8-A667CA7F5A11}" dt="2023-02-22T02:27:54.753" v="11" actId="14100"/>
          <ac:graphicFrameMkLst>
            <pc:docMk/>
            <pc:sldMk cId="1208968626" sldId="259"/>
            <ac:graphicFrameMk id="20" creationId="{BE8BF0C2-3194-FD9E-2C85-A7358E954A13}"/>
          </ac:graphicFrameMkLst>
        </pc:graphicFrameChg>
        <pc:picChg chg="del">
          <ac:chgData name="Nam Le" userId="f5edd110-785b-40f8-8ae8-8aac6ac898db" providerId="ADAL" clId="{3A4AD891-9489-4BD6-88B8-A667CA7F5A11}" dt="2023-02-22T02:27:49.634" v="9" actId="478"/>
          <ac:picMkLst>
            <pc:docMk/>
            <pc:sldMk cId="1208968626" sldId="259"/>
            <ac:picMk id="24" creationId="{ABC9CAC7-87BA-24F0-9116-E624F4C5CF6A}"/>
          </ac:picMkLst>
        </pc:picChg>
        <pc:picChg chg="del">
          <ac:chgData name="Nam Le" userId="f5edd110-785b-40f8-8ae8-8aac6ac898db" providerId="ADAL" clId="{3A4AD891-9489-4BD6-88B8-A667CA7F5A11}" dt="2023-02-22T02:27:49.634" v="9" actId="478"/>
          <ac:picMkLst>
            <pc:docMk/>
            <pc:sldMk cId="1208968626" sldId="259"/>
            <ac:picMk id="25" creationId="{BEC9042B-3DE1-0EB6-4E1A-16F30D13AC2D}"/>
          </ac:picMkLst>
        </pc:picChg>
        <pc:picChg chg="del">
          <ac:chgData name="Nam Le" userId="f5edd110-785b-40f8-8ae8-8aac6ac898db" providerId="ADAL" clId="{3A4AD891-9489-4BD6-88B8-A667CA7F5A11}" dt="2023-02-22T02:27:49.634" v="9" actId="478"/>
          <ac:picMkLst>
            <pc:docMk/>
            <pc:sldMk cId="1208968626" sldId="259"/>
            <ac:picMk id="26" creationId="{67D4A780-74FC-5514-FE21-70BB2F2A0758}"/>
          </ac:picMkLst>
        </pc:picChg>
        <pc:picChg chg="del">
          <ac:chgData name="Nam Le" userId="f5edd110-785b-40f8-8ae8-8aac6ac898db" providerId="ADAL" clId="{3A4AD891-9489-4BD6-88B8-A667CA7F5A11}" dt="2023-02-22T02:27:49.634" v="9" actId="478"/>
          <ac:picMkLst>
            <pc:docMk/>
            <pc:sldMk cId="1208968626" sldId="259"/>
            <ac:picMk id="27" creationId="{A396A4A8-32C2-B125-A35A-CF6CB1DC00FD}"/>
          </ac:picMkLst>
        </pc:picChg>
        <pc:picChg chg="del">
          <ac:chgData name="Nam Le" userId="f5edd110-785b-40f8-8ae8-8aac6ac898db" providerId="ADAL" clId="{3A4AD891-9489-4BD6-88B8-A667CA7F5A11}" dt="2023-02-22T02:27:49.634" v="9" actId="478"/>
          <ac:picMkLst>
            <pc:docMk/>
            <pc:sldMk cId="1208968626" sldId="259"/>
            <ac:picMk id="28" creationId="{D1C59631-E343-95B1-7D47-17537D59EF49}"/>
          </ac:picMkLst>
        </pc:picChg>
      </pc:sldChg>
      <pc:sldChg chg="delSp modSp mod">
        <pc:chgData name="Nam Le" userId="f5edd110-785b-40f8-8ae8-8aac6ac898db" providerId="ADAL" clId="{3A4AD891-9489-4BD6-88B8-A667CA7F5A11}" dt="2023-02-22T02:26:13.248" v="4" actId="1076"/>
        <pc:sldMkLst>
          <pc:docMk/>
          <pc:sldMk cId="4175801833" sldId="267"/>
        </pc:sldMkLst>
        <pc:spChg chg="del">
          <ac:chgData name="Nam Le" userId="f5edd110-785b-40f8-8ae8-8aac6ac898db" providerId="ADAL" clId="{3A4AD891-9489-4BD6-88B8-A667CA7F5A11}" dt="2023-02-22T02:26:04.249" v="1" actId="478"/>
          <ac:spMkLst>
            <pc:docMk/>
            <pc:sldMk cId="4175801833" sldId="267"/>
            <ac:spMk id="2" creationId="{4FE2F1BA-14B8-14C9-063A-42D41E861474}"/>
          </ac:spMkLst>
        </pc:spChg>
        <pc:spChg chg="mod">
          <ac:chgData name="Nam Le" userId="f5edd110-785b-40f8-8ae8-8aac6ac898db" providerId="ADAL" clId="{3A4AD891-9489-4BD6-88B8-A667CA7F5A11}" dt="2023-02-22T02:26:10.666" v="3" actId="1076"/>
          <ac:spMkLst>
            <pc:docMk/>
            <pc:sldMk cId="4175801833" sldId="267"/>
            <ac:spMk id="11" creationId="{9D5E3FA6-D7D3-1BD4-4443-1D6FC889ABA5}"/>
          </ac:spMkLst>
        </pc:spChg>
        <pc:picChg chg="del">
          <ac:chgData name="Nam Le" userId="f5edd110-785b-40f8-8ae8-8aac6ac898db" providerId="ADAL" clId="{3A4AD891-9489-4BD6-88B8-A667CA7F5A11}" dt="2023-02-22T02:26:02.650" v="0" actId="478"/>
          <ac:picMkLst>
            <pc:docMk/>
            <pc:sldMk cId="4175801833" sldId="267"/>
            <ac:picMk id="4" creationId="{754D4E90-859B-E2C7-E57C-7C2E72C3DB4A}"/>
          </ac:picMkLst>
        </pc:picChg>
        <pc:picChg chg="mod">
          <ac:chgData name="Nam Le" userId="f5edd110-785b-40f8-8ae8-8aac6ac898db" providerId="ADAL" clId="{3A4AD891-9489-4BD6-88B8-A667CA7F5A11}" dt="2023-02-22T02:26:13.248" v="4" actId="1076"/>
          <ac:picMkLst>
            <pc:docMk/>
            <pc:sldMk cId="4175801833" sldId="267"/>
            <ac:picMk id="5" creationId="{416A1A07-B267-FF97-E380-0F4388D0C355}"/>
          </ac:picMkLst>
        </pc:picChg>
        <pc:picChg chg="del">
          <ac:chgData name="Nam Le" userId="f5edd110-785b-40f8-8ae8-8aac6ac898db" providerId="ADAL" clId="{3A4AD891-9489-4BD6-88B8-A667CA7F5A11}" dt="2023-02-22T02:26:02.650" v="0" actId="478"/>
          <ac:picMkLst>
            <pc:docMk/>
            <pc:sldMk cId="4175801833" sldId="267"/>
            <ac:picMk id="8" creationId="{0812C94B-DEA9-FF73-EA9F-F660EA3C7E22}"/>
          </ac:picMkLst>
        </pc:picChg>
        <pc:picChg chg="del">
          <ac:chgData name="Nam Le" userId="f5edd110-785b-40f8-8ae8-8aac6ac898db" providerId="ADAL" clId="{3A4AD891-9489-4BD6-88B8-A667CA7F5A11}" dt="2023-02-22T02:26:02.650" v="0" actId="478"/>
          <ac:picMkLst>
            <pc:docMk/>
            <pc:sldMk cId="4175801833" sldId="267"/>
            <ac:picMk id="9" creationId="{CA3E1989-5DCB-672C-A9D9-0AFB3D7681AE}"/>
          </ac:picMkLst>
        </pc:picChg>
      </pc:sldChg>
      <pc:sldChg chg="delSp modSp mod">
        <pc:chgData name="Nam Le" userId="f5edd110-785b-40f8-8ae8-8aac6ac898db" providerId="ADAL" clId="{3A4AD891-9489-4BD6-88B8-A667CA7F5A11}" dt="2023-02-22T02:26:47.529" v="8" actId="1076"/>
        <pc:sldMkLst>
          <pc:docMk/>
          <pc:sldMk cId="2120166058" sldId="269"/>
        </pc:sldMkLst>
        <pc:spChg chg="del">
          <ac:chgData name="Nam Le" userId="f5edd110-785b-40f8-8ae8-8aac6ac898db" providerId="ADAL" clId="{3A4AD891-9489-4BD6-88B8-A667CA7F5A11}" dt="2023-02-22T02:26:37.015" v="6" actId="478"/>
          <ac:spMkLst>
            <pc:docMk/>
            <pc:sldMk cId="2120166058" sldId="269"/>
            <ac:spMk id="2" creationId="{4FE2F1BA-14B8-14C9-063A-42D41E861474}"/>
          </ac:spMkLst>
        </pc:spChg>
        <pc:graphicFrameChg chg="mod modGraphic">
          <ac:chgData name="Nam Le" userId="f5edd110-785b-40f8-8ae8-8aac6ac898db" providerId="ADAL" clId="{3A4AD891-9489-4BD6-88B8-A667CA7F5A11}" dt="2023-02-22T02:26:47.529" v="8" actId="1076"/>
          <ac:graphicFrameMkLst>
            <pc:docMk/>
            <pc:sldMk cId="2120166058" sldId="269"/>
            <ac:graphicFrameMk id="10" creationId="{A9787E13-4E49-66A3-2988-B6C359DC3CC0}"/>
          </ac:graphicFrameMkLst>
        </pc:graphicFrameChg>
        <pc:picChg chg="del">
          <ac:chgData name="Nam Le" userId="f5edd110-785b-40f8-8ae8-8aac6ac898db" providerId="ADAL" clId="{3A4AD891-9489-4BD6-88B8-A667CA7F5A11}" dt="2023-02-22T02:26:36.014" v="5" actId="478"/>
          <ac:picMkLst>
            <pc:docMk/>
            <pc:sldMk cId="2120166058" sldId="269"/>
            <ac:picMk id="4" creationId="{754D4E90-859B-E2C7-E57C-7C2E72C3DB4A}"/>
          </ac:picMkLst>
        </pc:picChg>
        <pc:picChg chg="del">
          <ac:chgData name="Nam Le" userId="f5edd110-785b-40f8-8ae8-8aac6ac898db" providerId="ADAL" clId="{3A4AD891-9489-4BD6-88B8-A667CA7F5A11}" dt="2023-02-22T02:26:36.014" v="5" actId="478"/>
          <ac:picMkLst>
            <pc:docMk/>
            <pc:sldMk cId="2120166058" sldId="269"/>
            <ac:picMk id="8" creationId="{0812C94B-DEA9-FF73-EA9F-F660EA3C7E22}"/>
          </ac:picMkLst>
        </pc:picChg>
        <pc:picChg chg="del">
          <ac:chgData name="Nam Le" userId="f5edd110-785b-40f8-8ae8-8aac6ac898db" providerId="ADAL" clId="{3A4AD891-9489-4BD6-88B8-A667CA7F5A11}" dt="2023-02-22T02:26:36.014" v="5" actId="478"/>
          <ac:picMkLst>
            <pc:docMk/>
            <pc:sldMk cId="2120166058" sldId="269"/>
            <ac:picMk id="9" creationId="{CA3E1989-5DCB-672C-A9D9-0AFB3D7681AE}"/>
          </ac:picMkLst>
        </pc:picChg>
        <pc:picChg chg="del">
          <ac:chgData name="Nam Le" userId="f5edd110-785b-40f8-8ae8-8aac6ac898db" providerId="ADAL" clId="{3A4AD891-9489-4BD6-88B8-A667CA7F5A11}" dt="2023-02-22T02:26:36.014" v="5" actId="478"/>
          <ac:picMkLst>
            <pc:docMk/>
            <pc:sldMk cId="2120166058" sldId="269"/>
            <ac:picMk id="12" creationId="{6031F627-2C93-AD57-725C-207C38495B60}"/>
          </ac:picMkLst>
        </pc:picChg>
        <pc:picChg chg="del">
          <ac:chgData name="Nam Le" userId="f5edd110-785b-40f8-8ae8-8aac6ac898db" providerId="ADAL" clId="{3A4AD891-9489-4BD6-88B8-A667CA7F5A11}" dt="2023-02-22T02:26:36.014" v="5" actId="478"/>
          <ac:picMkLst>
            <pc:docMk/>
            <pc:sldMk cId="2120166058" sldId="269"/>
            <ac:picMk id="13" creationId="{D0592B5B-7E43-2CCD-AE27-48F6C5F1A83B}"/>
          </ac:picMkLst>
        </pc:picChg>
        <pc:picChg chg="del">
          <ac:chgData name="Nam Le" userId="f5edd110-785b-40f8-8ae8-8aac6ac898db" providerId="ADAL" clId="{3A4AD891-9489-4BD6-88B8-A667CA7F5A11}" dt="2023-02-22T02:26:36.014" v="5" actId="478"/>
          <ac:picMkLst>
            <pc:docMk/>
            <pc:sldMk cId="2120166058" sldId="269"/>
            <ac:picMk id="14" creationId="{CEE4FD75-B2A3-FDB1-74F9-A17CF425FEC3}"/>
          </ac:picMkLst>
        </pc:picChg>
      </pc:sldChg>
      <pc:sldChg chg="delSp modSp mod">
        <pc:chgData name="Nam Le" userId="f5edd110-785b-40f8-8ae8-8aac6ac898db" providerId="ADAL" clId="{3A4AD891-9489-4BD6-88B8-A667CA7F5A11}" dt="2023-02-22T05:15:47.132" v="2930" actId="20577"/>
        <pc:sldMkLst>
          <pc:docMk/>
          <pc:sldMk cId="750602339" sldId="270"/>
        </pc:sldMkLst>
        <pc:spChg chg="del">
          <ac:chgData name="Nam Le" userId="f5edd110-785b-40f8-8ae8-8aac6ac898db" providerId="ADAL" clId="{3A4AD891-9489-4BD6-88B8-A667CA7F5A11}" dt="2023-02-22T02:28:42.044" v="12" actId="478"/>
          <ac:spMkLst>
            <pc:docMk/>
            <pc:sldMk cId="750602339" sldId="270"/>
            <ac:spMk id="57" creationId="{1DDA371D-E719-A44C-3224-5D7E8D65DDC7}"/>
          </ac:spMkLst>
        </pc:spChg>
        <pc:spChg chg="del">
          <ac:chgData name="Nam Le" userId="f5edd110-785b-40f8-8ae8-8aac6ac898db" providerId="ADAL" clId="{3A4AD891-9489-4BD6-88B8-A667CA7F5A11}" dt="2023-02-22T02:28:55.616" v="20" actId="478"/>
          <ac:spMkLst>
            <pc:docMk/>
            <pc:sldMk cId="750602339" sldId="270"/>
            <ac:spMk id="59" creationId="{35A64663-2D3F-FAA2-6037-97CFC49AA989}"/>
          </ac:spMkLst>
        </pc:spChg>
        <pc:spChg chg="mod">
          <ac:chgData name="Nam Le" userId="f5edd110-785b-40f8-8ae8-8aac6ac898db" providerId="ADAL" clId="{3A4AD891-9489-4BD6-88B8-A667CA7F5A11}" dt="2023-02-22T05:15:47.132" v="2930" actId="20577"/>
          <ac:spMkLst>
            <pc:docMk/>
            <pc:sldMk cId="750602339" sldId="270"/>
            <ac:spMk id="60" creationId="{E5337E63-2ACC-BFD9-AA15-281DD03BD3FE}"/>
          </ac:spMkLst>
        </pc:spChg>
        <pc:spChg chg="del">
          <ac:chgData name="Nam Le" userId="f5edd110-785b-40f8-8ae8-8aac6ac898db" providerId="ADAL" clId="{3A4AD891-9489-4BD6-88B8-A667CA7F5A11}" dt="2023-02-22T02:28:45.654" v="13" actId="478"/>
          <ac:spMkLst>
            <pc:docMk/>
            <pc:sldMk cId="750602339" sldId="270"/>
            <ac:spMk id="62" creationId="{5159BCCF-8675-0550-3EF8-CB578942C1D1}"/>
          </ac:spMkLst>
        </pc:spChg>
        <pc:spChg chg="del">
          <ac:chgData name="Nam Le" userId="f5edd110-785b-40f8-8ae8-8aac6ac898db" providerId="ADAL" clId="{3A4AD891-9489-4BD6-88B8-A667CA7F5A11}" dt="2023-02-22T02:31:37.381" v="196" actId="478"/>
          <ac:spMkLst>
            <pc:docMk/>
            <pc:sldMk cId="750602339" sldId="270"/>
            <ac:spMk id="63" creationId="{8F20BE18-0F43-52FD-EE28-1C848197D116}"/>
          </ac:spMkLst>
        </pc:spChg>
        <pc:spChg chg="del">
          <ac:chgData name="Nam Le" userId="f5edd110-785b-40f8-8ae8-8aac6ac898db" providerId="ADAL" clId="{3A4AD891-9489-4BD6-88B8-A667CA7F5A11}" dt="2023-02-22T02:28:46.839" v="14" actId="478"/>
          <ac:spMkLst>
            <pc:docMk/>
            <pc:sldMk cId="750602339" sldId="270"/>
            <ac:spMk id="65" creationId="{2B442238-6E27-8D27-ABF8-866485E6C74B}"/>
          </ac:spMkLst>
        </pc:spChg>
        <pc:spChg chg="del">
          <ac:chgData name="Nam Le" userId="f5edd110-785b-40f8-8ae8-8aac6ac898db" providerId="ADAL" clId="{3A4AD891-9489-4BD6-88B8-A667CA7F5A11}" dt="2023-02-22T02:31:44.545" v="214" actId="478"/>
          <ac:spMkLst>
            <pc:docMk/>
            <pc:sldMk cId="750602339" sldId="270"/>
            <ac:spMk id="66" creationId="{B8BC6E94-F503-E8DF-4C24-338E6558DE87}"/>
          </ac:spMkLst>
        </pc:spChg>
        <pc:spChg chg="del">
          <ac:chgData name="Nam Le" userId="f5edd110-785b-40f8-8ae8-8aac6ac898db" providerId="ADAL" clId="{3A4AD891-9489-4BD6-88B8-A667CA7F5A11}" dt="2023-02-22T02:28:48.012" v="15" actId="478"/>
          <ac:spMkLst>
            <pc:docMk/>
            <pc:sldMk cId="750602339" sldId="270"/>
            <ac:spMk id="68" creationId="{DC371712-CAC7-9EC5-B7F6-0078BA3C3548}"/>
          </ac:spMkLst>
        </pc:spChg>
        <pc:spChg chg="del">
          <ac:chgData name="Nam Le" userId="f5edd110-785b-40f8-8ae8-8aac6ac898db" providerId="ADAL" clId="{3A4AD891-9489-4BD6-88B8-A667CA7F5A11}" dt="2023-02-22T02:31:53.046" v="217" actId="478"/>
          <ac:spMkLst>
            <pc:docMk/>
            <pc:sldMk cId="750602339" sldId="270"/>
            <ac:spMk id="69" creationId="{78E6033F-97F7-10A0-F6EB-D88BE1B15234}"/>
          </ac:spMkLst>
        </pc:spChg>
        <pc:spChg chg="del">
          <ac:chgData name="Nam Le" userId="f5edd110-785b-40f8-8ae8-8aac6ac898db" providerId="ADAL" clId="{3A4AD891-9489-4BD6-88B8-A667CA7F5A11}" dt="2023-02-22T02:28:53.405" v="19" actId="478"/>
          <ac:spMkLst>
            <pc:docMk/>
            <pc:sldMk cId="750602339" sldId="270"/>
            <ac:spMk id="71" creationId="{B7DF81E3-ACA4-0363-9B8F-57B81276916A}"/>
          </ac:spMkLst>
        </pc:spChg>
        <pc:spChg chg="del">
          <ac:chgData name="Nam Le" userId="f5edd110-785b-40f8-8ae8-8aac6ac898db" providerId="ADAL" clId="{3A4AD891-9489-4BD6-88B8-A667CA7F5A11}" dt="2023-02-22T02:31:51.945" v="216" actId="478"/>
          <ac:spMkLst>
            <pc:docMk/>
            <pc:sldMk cId="750602339" sldId="270"/>
            <ac:spMk id="72" creationId="{4CFAC517-2244-76B0-4FDE-EE3B2D526828}"/>
          </ac:spMkLst>
        </pc:spChg>
        <pc:spChg chg="del">
          <ac:chgData name="Nam Le" userId="f5edd110-785b-40f8-8ae8-8aac6ac898db" providerId="ADAL" clId="{3A4AD891-9489-4BD6-88B8-A667CA7F5A11}" dt="2023-02-22T02:28:51.971" v="18" actId="478"/>
          <ac:spMkLst>
            <pc:docMk/>
            <pc:sldMk cId="750602339" sldId="270"/>
            <ac:spMk id="74" creationId="{66A0BB36-F634-E5FF-5BE9-E5417FE569F7}"/>
          </ac:spMkLst>
        </pc:spChg>
        <pc:spChg chg="del">
          <ac:chgData name="Nam Le" userId="f5edd110-785b-40f8-8ae8-8aac6ac898db" providerId="ADAL" clId="{3A4AD891-9489-4BD6-88B8-A667CA7F5A11}" dt="2023-02-22T02:31:50.710" v="215" actId="478"/>
          <ac:spMkLst>
            <pc:docMk/>
            <pc:sldMk cId="750602339" sldId="270"/>
            <ac:spMk id="75" creationId="{E2CA2D55-42C3-49D1-65E9-61DA0452BD23}"/>
          </ac:spMkLst>
        </pc:spChg>
        <pc:spChg chg="del">
          <ac:chgData name="Nam Le" userId="f5edd110-785b-40f8-8ae8-8aac6ac898db" providerId="ADAL" clId="{3A4AD891-9489-4BD6-88B8-A667CA7F5A11}" dt="2023-02-22T02:28:50.701" v="17" actId="478"/>
          <ac:spMkLst>
            <pc:docMk/>
            <pc:sldMk cId="750602339" sldId="270"/>
            <ac:spMk id="77" creationId="{53DE25B6-29E1-DED9-1E8C-DF7A0D34BC7F}"/>
          </ac:spMkLst>
        </pc:spChg>
        <pc:spChg chg="del">
          <ac:chgData name="Nam Le" userId="f5edd110-785b-40f8-8ae8-8aac6ac898db" providerId="ADAL" clId="{3A4AD891-9489-4BD6-88B8-A667CA7F5A11}" dt="2023-02-22T02:31:56.107" v="218" actId="478"/>
          <ac:spMkLst>
            <pc:docMk/>
            <pc:sldMk cId="750602339" sldId="270"/>
            <ac:spMk id="78" creationId="{D59964CE-4746-9369-5265-61D0A91FB1F0}"/>
          </ac:spMkLst>
        </pc:spChg>
        <pc:spChg chg="del">
          <ac:chgData name="Nam Le" userId="f5edd110-785b-40f8-8ae8-8aac6ac898db" providerId="ADAL" clId="{3A4AD891-9489-4BD6-88B8-A667CA7F5A11}" dt="2023-02-22T02:28:49.557" v="16" actId="478"/>
          <ac:spMkLst>
            <pc:docMk/>
            <pc:sldMk cId="750602339" sldId="270"/>
            <ac:spMk id="80" creationId="{4B52BFA6-707F-90F8-E71F-912946FAA621}"/>
          </ac:spMkLst>
        </pc:spChg>
      </pc:sldChg>
      <pc:sldChg chg="mod modShow">
        <pc:chgData name="Nam Le" userId="f5edd110-785b-40f8-8ae8-8aac6ac898db" providerId="ADAL" clId="{3A4AD891-9489-4BD6-88B8-A667CA7F5A11}" dt="2023-02-22T04:57:41.792" v="2316" actId="729"/>
        <pc:sldMkLst>
          <pc:docMk/>
          <pc:sldMk cId="4210681040" sldId="274"/>
        </pc:sldMkLst>
      </pc:sldChg>
      <pc:sldChg chg="mod modShow">
        <pc:chgData name="Nam Le" userId="f5edd110-785b-40f8-8ae8-8aac6ac898db" providerId="ADAL" clId="{3A4AD891-9489-4BD6-88B8-A667CA7F5A11}" dt="2023-02-22T04:57:37.117" v="2315" actId="729"/>
        <pc:sldMkLst>
          <pc:docMk/>
          <pc:sldMk cId="394895189" sldId="280"/>
        </pc:sldMkLst>
      </pc:sldChg>
      <pc:sldChg chg="mod modShow">
        <pc:chgData name="Nam Le" userId="f5edd110-785b-40f8-8ae8-8aac6ac898db" providerId="ADAL" clId="{3A4AD891-9489-4BD6-88B8-A667CA7F5A11}" dt="2023-02-22T04:57:37.117" v="2315" actId="729"/>
        <pc:sldMkLst>
          <pc:docMk/>
          <pc:sldMk cId="1486922175" sldId="282"/>
        </pc:sldMkLst>
      </pc:sldChg>
      <pc:sldChg chg="modSp mod">
        <pc:chgData name="Nam Le" userId="f5edd110-785b-40f8-8ae8-8aac6ac898db" providerId="ADAL" clId="{3A4AD891-9489-4BD6-88B8-A667CA7F5A11}" dt="2023-02-22T02:34:26.739" v="266" actId="20577"/>
        <pc:sldMkLst>
          <pc:docMk/>
          <pc:sldMk cId="1333988232" sldId="284"/>
        </pc:sldMkLst>
        <pc:spChg chg="mod">
          <ac:chgData name="Nam Le" userId="f5edd110-785b-40f8-8ae8-8aac6ac898db" providerId="ADAL" clId="{3A4AD891-9489-4BD6-88B8-A667CA7F5A11}" dt="2023-02-22T02:34:26.739" v="266" actId="20577"/>
          <ac:spMkLst>
            <pc:docMk/>
            <pc:sldMk cId="1333988232" sldId="284"/>
            <ac:spMk id="5" creationId="{062691C2-D93C-A405-EF06-01B86EB76633}"/>
          </ac:spMkLst>
        </pc:spChg>
      </pc:sldChg>
      <pc:sldChg chg="mod modShow">
        <pc:chgData name="Nam Le" userId="f5edd110-785b-40f8-8ae8-8aac6ac898db" providerId="ADAL" clId="{3A4AD891-9489-4BD6-88B8-A667CA7F5A11}" dt="2023-02-22T04:56:15.853" v="2314" actId="729"/>
        <pc:sldMkLst>
          <pc:docMk/>
          <pc:sldMk cId="1395847155" sldId="287"/>
        </pc:sldMkLst>
      </pc:sldChg>
      <pc:sldChg chg="addSp delSp modSp mod delAnim modAnim">
        <pc:chgData name="Nam Le" userId="f5edd110-785b-40f8-8ae8-8aac6ac898db" providerId="ADAL" clId="{3A4AD891-9489-4BD6-88B8-A667CA7F5A11}" dt="2023-02-22T02:51:48.694" v="652" actId="20577"/>
        <pc:sldMkLst>
          <pc:docMk/>
          <pc:sldMk cId="1907019745" sldId="1378"/>
        </pc:sldMkLst>
        <pc:spChg chg="mod">
          <ac:chgData name="Nam Le" userId="f5edd110-785b-40f8-8ae8-8aac6ac898db" providerId="ADAL" clId="{3A4AD891-9489-4BD6-88B8-A667CA7F5A11}" dt="2023-02-22T02:49:23.989" v="554" actId="20577"/>
          <ac:spMkLst>
            <pc:docMk/>
            <pc:sldMk cId="1907019745" sldId="1378"/>
            <ac:spMk id="3" creationId="{7848736F-4E10-CD2D-64FD-9E7C6344DB9E}"/>
          </ac:spMkLst>
        </pc:spChg>
        <pc:spChg chg="mod">
          <ac:chgData name="Nam Le" userId="f5edd110-785b-40f8-8ae8-8aac6ac898db" providerId="ADAL" clId="{3A4AD891-9489-4BD6-88B8-A667CA7F5A11}" dt="2023-02-22T02:51:48.694" v="652" actId="20577"/>
          <ac:spMkLst>
            <pc:docMk/>
            <pc:sldMk cId="1907019745" sldId="1378"/>
            <ac:spMk id="4" creationId="{B874381D-3683-E1CA-4051-FAF5437746BA}"/>
          </ac:spMkLst>
        </pc:spChg>
        <pc:spChg chg="del">
          <ac:chgData name="Nam Le" userId="f5edd110-785b-40f8-8ae8-8aac6ac898db" providerId="ADAL" clId="{3A4AD891-9489-4BD6-88B8-A667CA7F5A11}" dt="2023-02-22T02:38:09.008" v="346" actId="478"/>
          <ac:spMkLst>
            <pc:docMk/>
            <pc:sldMk cId="1907019745" sldId="1378"/>
            <ac:spMk id="5" creationId="{6CB9BD5D-D686-B105-3AEA-14727EF2A132}"/>
          </ac:spMkLst>
        </pc:spChg>
        <pc:spChg chg="del">
          <ac:chgData name="Nam Le" userId="f5edd110-785b-40f8-8ae8-8aac6ac898db" providerId="ADAL" clId="{3A4AD891-9489-4BD6-88B8-A667CA7F5A11}" dt="2023-02-22T02:38:09.008" v="346" actId="478"/>
          <ac:spMkLst>
            <pc:docMk/>
            <pc:sldMk cId="1907019745" sldId="1378"/>
            <ac:spMk id="7" creationId="{81E09F9B-A3CC-6C4F-8C04-B09DE790EFB5}"/>
          </ac:spMkLst>
        </pc:spChg>
        <pc:spChg chg="del">
          <ac:chgData name="Nam Le" userId="f5edd110-785b-40f8-8ae8-8aac6ac898db" providerId="ADAL" clId="{3A4AD891-9489-4BD6-88B8-A667CA7F5A11}" dt="2023-02-22T02:38:09.008" v="346" actId="478"/>
          <ac:spMkLst>
            <pc:docMk/>
            <pc:sldMk cId="1907019745" sldId="1378"/>
            <ac:spMk id="8" creationId="{4046D443-B27F-64E2-870E-C9EA21F0F56D}"/>
          </ac:spMkLst>
        </pc:spChg>
        <pc:spChg chg="del">
          <ac:chgData name="Nam Le" userId="f5edd110-785b-40f8-8ae8-8aac6ac898db" providerId="ADAL" clId="{3A4AD891-9489-4BD6-88B8-A667CA7F5A11}" dt="2023-02-22T02:42:06.692" v="394" actId="478"/>
          <ac:spMkLst>
            <pc:docMk/>
            <pc:sldMk cId="1907019745" sldId="1378"/>
            <ac:spMk id="9" creationId="{2DA62925-C705-CAA0-3092-D75D9B6DA746}"/>
          </ac:spMkLst>
        </pc:spChg>
        <pc:spChg chg="del mod">
          <ac:chgData name="Nam Le" userId="f5edd110-785b-40f8-8ae8-8aac6ac898db" providerId="ADAL" clId="{3A4AD891-9489-4BD6-88B8-A667CA7F5A11}" dt="2023-02-22T02:42:04.050" v="393" actId="478"/>
          <ac:spMkLst>
            <pc:docMk/>
            <pc:sldMk cId="1907019745" sldId="1378"/>
            <ac:spMk id="19" creationId="{B07D8100-0766-EEBA-3376-B5451EA95368}"/>
          </ac:spMkLst>
        </pc:spChg>
        <pc:spChg chg="del mod">
          <ac:chgData name="Nam Le" userId="f5edd110-785b-40f8-8ae8-8aac6ac898db" providerId="ADAL" clId="{3A4AD891-9489-4BD6-88B8-A667CA7F5A11}" dt="2023-02-22T02:42:04.050" v="393" actId="478"/>
          <ac:spMkLst>
            <pc:docMk/>
            <pc:sldMk cId="1907019745" sldId="1378"/>
            <ac:spMk id="20" creationId="{33C0C73B-A7FC-FE12-CDD8-3F77D34354A5}"/>
          </ac:spMkLst>
        </pc:spChg>
        <pc:spChg chg="del">
          <ac:chgData name="Nam Le" userId="f5edd110-785b-40f8-8ae8-8aac6ac898db" providerId="ADAL" clId="{3A4AD891-9489-4BD6-88B8-A667CA7F5A11}" dt="2023-02-22T02:38:09.008" v="346" actId="478"/>
          <ac:spMkLst>
            <pc:docMk/>
            <pc:sldMk cId="1907019745" sldId="1378"/>
            <ac:spMk id="22" creationId="{13F6483C-75BD-9788-1E69-4611EDCA11AD}"/>
          </ac:spMkLst>
        </pc:spChg>
        <pc:spChg chg="add del mod">
          <ac:chgData name="Nam Le" userId="f5edd110-785b-40f8-8ae8-8aac6ac898db" providerId="ADAL" clId="{3A4AD891-9489-4BD6-88B8-A667CA7F5A11}" dt="2023-02-22T02:49:39.545" v="558" actId="478"/>
          <ac:spMkLst>
            <pc:docMk/>
            <pc:sldMk cId="1907019745" sldId="1378"/>
            <ac:spMk id="26" creationId="{D56CD7D5-8953-6AF3-AFB6-C334365C9878}"/>
          </ac:spMkLst>
        </pc:spChg>
        <pc:spChg chg="add mod">
          <ac:chgData name="Nam Le" userId="f5edd110-785b-40f8-8ae8-8aac6ac898db" providerId="ADAL" clId="{3A4AD891-9489-4BD6-88B8-A667CA7F5A11}" dt="2023-02-22T02:50:03.643" v="598" actId="207"/>
          <ac:spMkLst>
            <pc:docMk/>
            <pc:sldMk cId="1907019745" sldId="1378"/>
            <ac:spMk id="27" creationId="{2D7CF633-4D3B-732F-4A64-E50F50EF496B}"/>
          </ac:spMkLst>
        </pc:spChg>
        <pc:graphicFrameChg chg="add del mod modGraphic">
          <ac:chgData name="Nam Le" userId="f5edd110-785b-40f8-8ae8-8aac6ac898db" providerId="ADAL" clId="{3A4AD891-9489-4BD6-88B8-A667CA7F5A11}" dt="2023-02-22T02:46:46.949" v="416" actId="478"/>
          <ac:graphicFrameMkLst>
            <pc:docMk/>
            <pc:sldMk cId="1907019745" sldId="1378"/>
            <ac:graphicFrameMk id="25" creationId="{32FE301D-1967-7933-70E9-B4564B1F5787}"/>
          </ac:graphicFrameMkLst>
        </pc:graphicFrameChg>
        <pc:picChg chg="del mod">
          <ac:chgData name="Nam Le" userId="f5edd110-785b-40f8-8ae8-8aac6ac898db" providerId="ADAL" clId="{3A4AD891-9489-4BD6-88B8-A667CA7F5A11}" dt="2023-02-22T02:46:38.487" v="414" actId="478"/>
          <ac:picMkLst>
            <pc:docMk/>
            <pc:sldMk cId="1907019745" sldId="1378"/>
            <ac:picMk id="2" creationId="{97EE50F8-126C-3CF9-4105-C68B3C14685D}"/>
          </ac:picMkLst>
        </pc:picChg>
        <pc:picChg chg="del">
          <ac:chgData name="Nam Le" userId="f5edd110-785b-40f8-8ae8-8aac6ac898db" providerId="ADAL" clId="{3A4AD891-9489-4BD6-88B8-A667CA7F5A11}" dt="2023-02-22T02:38:09.939" v="347" actId="478"/>
          <ac:picMkLst>
            <pc:docMk/>
            <pc:sldMk cId="1907019745" sldId="1378"/>
            <ac:picMk id="2" creationId="{98094203-AFBA-F244-7E2F-E44FF6828596}"/>
          </ac:picMkLst>
        </pc:picChg>
        <pc:picChg chg="del mod">
          <ac:chgData name="Nam Le" userId="f5edd110-785b-40f8-8ae8-8aac6ac898db" providerId="ADAL" clId="{3A4AD891-9489-4BD6-88B8-A667CA7F5A11}" dt="2023-02-22T02:41:26.996" v="355" actId="478"/>
          <ac:picMkLst>
            <pc:docMk/>
            <pc:sldMk cId="1907019745" sldId="1378"/>
            <ac:picMk id="2" creationId="{D43ED8DB-FFF7-EBE4-F2BF-24126A2E906A}"/>
          </ac:picMkLst>
        </pc:picChg>
        <pc:picChg chg="del">
          <ac:chgData name="Nam Le" userId="f5edd110-785b-40f8-8ae8-8aac6ac898db" providerId="ADAL" clId="{3A4AD891-9489-4BD6-88B8-A667CA7F5A11}" dt="2023-02-22T02:38:09.008" v="346" actId="478"/>
          <ac:picMkLst>
            <pc:docMk/>
            <pc:sldMk cId="1907019745" sldId="1378"/>
            <ac:picMk id="6" creationId="{D3DE0544-796D-D77C-158C-ABE066492AB2}"/>
          </ac:picMkLst>
        </pc:picChg>
        <pc:picChg chg="del">
          <ac:chgData name="Nam Le" userId="f5edd110-785b-40f8-8ae8-8aac6ac898db" providerId="ADAL" clId="{3A4AD891-9489-4BD6-88B8-A667CA7F5A11}" dt="2023-02-22T02:38:09.008" v="346" actId="478"/>
          <ac:picMkLst>
            <pc:docMk/>
            <pc:sldMk cId="1907019745" sldId="1378"/>
            <ac:picMk id="10" creationId="{21D3F070-21DF-ED25-39DF-AFA0D9BC2FA0}"/>
          </ac:picMkLst>
        </pc:picChg>
        <pc:picChg chg="add mod">
          <ac:chgData name="Nam Le" userId="f5edd110-785b-40f8-8ae8-8aac6ac898db" providerId="ADAL" clId="{3A4AD891-9489-4BD6-88B8-A667CA7F5A11}" dt="2023-02-22T02:47:32.058" v="427" actId="14100"/>
          <ac:picMkLst>
            <pc:docMk/>
            <pc:sldMk cId="1907019745" sldId="1378"/>
            <ac:picMk id="24" creationId="{D288FB33-C432-C0BA-9B36-A6DE252B1A41}"/>
          </ac:picMkLst>
        </pc:picChg>
        <pc:picChg chg="add mod">
          <ac:chgData name="Nam Le" userId="f5edd110-785b-40f8-8ae8-8aac6ac898db" providerId="ADAL" clId="{3A4AD891-9489-4BD6-88B8-A667CA7F5A11}" dt="2023-02-22T02:50:48.782" v="643"/>
          <ac:picMkLst>
            <pc:docMk/>
            <pc:sldMk cId="1907019745" sldId="1378"/>
            <ac:picMk id="1026" creationId="{D814F771-6206-DB54-2FD1-AA79AAF63570}"/>
          </ac:picMkLst>
        </pc:picChg>
        <pc:picChg chg="del">
          <ac:chgData name="Nam Le" userId="f5edd110-785b-40f8-8ae8-8aac6ac898db" providerId="ADAL" clId="{3A4AD891-9489-4BD6-88B8-A667CA7F5A11}" dt="2023-02-22T02:41:28.367" v="356" actId="478"/>
          <ac:picMkLst>
            <pc:docMk/>
            <pc:sldMk cId="1907019745" sldId="1378"/>
            <ac:picMk id="3074" creationId="{806E0064-F411-DA55-BB40-649321A53806}"/>
          </ac:picMkLst>
        </pc:picChg>
        <pc:picChg chg="mod">
          <ac:chgData name="Nam Le" userId="f5edd110-785b-40f8-8ae8-8aac6ac898db" providerId="ADAL" clId="{3A4AD891-9489-4BD6-88B8-A667CA7F5A11}" dt="2023-02-22T02:49:37.008" v="557" actId="14100"/>
          <ac:picMkLst>
            <pc:docMk/>
            <pc:sldMk cId="1907019745" sldId="1378"/>
            <ac:picMk id="4098" creationId="{7C79449B-18AD-054C-E256-7128B6D90CF0}"/>
          </ac:picMkLst>
        </pc:picChg>
        <pc:cxnChg chg="add mod">
          <ac:chgData name="Nam Le" userId="f5edd110-785b-40f8-8ae8-8aac6ac898db" providerId="ADAL" clId="{3A4AD891-9489-4BD6-88B8-A667CA7F5A11}" dt="2023-02-22T02:35:44.991" v="303" actId="1037"/>
          <ac:cxnSpMkLst>
            <pc:docMk/>
            <pc:sldMk cId="1907019745" sldId="1378"/>
            <ac:cxnSpMk id="12" creationId="{E491CAEF-7453-0D16-C74A-DE0D4D9CE8C6}"/>
          </ac:cxnSpMkLst>
        </pc:cxnChg>
        <pc:cxnChg chg="add del mod">
          <ac:chgData name="Nam Le" userId="f5edd110-785b-40f8-8ae8-8aac6ac898db" providerId="ADAL" clId="{3A4AD891-9489-4BD6-88B8-A667CA7F5A11}" dt="2023-02-22T02:35:24.504" v="285" actId="478"/>
          <ac:cxnSpMkLst>
            <pc:docMk/>
            <pc:sldMk cId="1907019745" sldId="1378"/>
            <ac:cxnSpMk id="13" creationId="{B10DF3ED-572E-B5C8-7628-CBF27BEC41CE}"/>
          </ac:cxnSpMkLst>
        </pc:cxnChg>
        <pc:cxnChg chg="add mod">
          <ac:chgData name="Nam Le" userId="f5edd110-785b-40f8-8ae8-8aac6ac898db" providerId="ADAL" clId="{3A4AD891-9489-4BD6-88B8-A667CA7F5A11}" dt="2023-02-22T02:35:44.991" v="303" actId="1037"/>
          <ac:cxnSpMkLst>
            <pc:docMk/>
            <pc:sldMk cId="1907019745" sldId="1378"/>
            <ac:cxnSpMk id="17" creationId="{3C0A6619-340F-7CB3-DDA4-16B9BADE4D48}"/>
          </ac:cxnSpMkLst>
        </pc:cxnChg>
        <pc:cxnChg chg="add mod">
          <ac:chgData name="Nam Le" userId="f5edd110-785b-40f8-8ae8-8aac6ac898db" providerId="ADAL" clId="{3A4AD891-9489-4BD6-88B8-A667CA7F5A11}" dt="2023-02-22T02:36:08.602" v="328" actId="1076"/>
          <ac:cxnSpMkLst>
            <pc:docMk/>
            <pc:sldMk cId="1907019745" sldId="1378"/>
            <ac:cxnSpMk id="18" creationId="{26B81832-76BE-DBB9-B98E-E7C6364BE2CB}"/>
          </ac:cxnSpMkLst>
        </pc:cxnChg>
        <pc:cxnChg chg="add mod">
          <ac:chgData name="Nam Le" userId="f5edd110-785b-40f8-8ae8-8aac6ac898db" providerId="ADAL" clId="{3A4AD891-9489-4BD6-88B8-A667CA7F5A11}" dt="2023-02-22T02:36:08.602" v="328" actId="1076"/>
          <ac:cxnSpMkLst>
            <pc:docMk/>
            <pc:sldMk cId="1907019745" sldId="1378"/>
            <ac:cxnSpMk id="21" creationId="{BC16FFB4-5FE7-BB3F-82DB-3D3C4AC315EA}"/>
          </ac:cxnSpMkLst>
        </pc:cxnChg>
      </pc:sldChg>
      <pc:sldChg chg="delSp modSp add mod modNotesTx">
        <pc:chgData name="Nam Le" userId="f5edd110-785b-40f8-8ae8-8aac6ac898db" providerId="ADAL" clId="{3A4AD891-9489-4BD6-88B8-A667CA7F5A11}" dt="2023-02-22T03:03:12.537" v="1629" actId="1035"/>
        <pc:sldMkLst>
          <pc:docMk/>
          <pc:sldMk cId="2216062058" sldId="1382"/>
        </pc:sldMkLst>
        <pc:spChg chg="mod">
          <ac:chgData name="Nam Le" userId="f5edd110-785b-40f8-8ae8-8aac6ac898db" providerId="ADAL" clId="{3A4AD891-9489-4BD6-88B8-A667CA7F5A11}" dt="2023-02-22T03:03:06.899" v="1615" actId="255"/>
          <ac:spMkLst>
            <pc:docMk/>
            <pc:sldMk cId="2216062058" sldId="1382"/>
            <ac:spMk id="3" creationId="{7848736F-4E10-CD2D-64FD-9E7C6344DB9E}"/>
          </ac:spMkLst>
        </pc:spChg>
        <pc:spChg chg="mod">
          <ac:chgData name="Nam Le" userId="f5edd110-785b-40f8-8ae8-8aac6ac898db" providerId="ADAL" clId="{3A4AD891-9489-4BD6-88B8-A667CA7F5A11}" dt="2023-02-22T02:51:53.889" v="656" actId="20577"/>
          <ac:spMkLst>
            <pc:docMk/>
            <pc:sldMk cId="2216062058" sldId="1382"/>
            <ac:spMk id="4" creationId="{B874381D-3683-E1CA-4051-FAF5437746BA}"/>
          </ac:spMkLst>
        </pc:spChg>
        <pc:spChg chg="del">
          <ac:chgData name="Nam Le" userId="f5edd110-785b-40f8-8ae8-8aac6ac898db" providerId="ADAL" clId="{3A4AD891-9489-4BD6-88B8-A667CA7F5A11}" dt="2023-02-22T02:51:00.672" v="646" actId="478"/>
          <ac:spMkLst>
            <pc:docMk/>
            <pc:sldMk cId="2216062058" sldId="1382"/>
            <ac:spMk id="27" creationId="{2D7CF633-4D3B-732F-4A64-E50F50EF496B}"/>
          </ac:spMkLst>
        </pc:spChg>
        <pc:picChg chg="mod">
          <ac:chgData name="Nam Le" userId="f5edd110-785b-40f8-8ae8-8aac6ac898db" providerId="ADAL" clId="{3A4AD891-9489-4BD6-88B8-A667CA7F5A11}" dt="2023-02-22T03:03:12.537" v="1629" actId="1035"/>
          <ac:picMkLst>
            <pc:docMk/>
            <pc:sldMk cId="2216062058" sldId="1382"/>
            <ac:picMk id="2" creationId="{30B77FC9-F2D9-B77F-9B8B-4A802F0E70D0}"/>
          </ac:picMkLst>
        </pc:picChg>
        <pc:picChg chg="del">
          <ac:chgData name="Nam Le" userId="f5edd110-785b-40f8-8ae8-8aac6ac898db" providerId="ADAL" clId="{3A4AD891-9489-4BD6-88B8-A667CA7F5A11}" dt="2023-02-22T02:51:01.574" v="648" actId="478"/>
          <ac:picMkLst>
            <pc:docMk/>
            <pc:sldMk cId="2216062058" sldId="1382"/>
            <ac:picMk id="24" creationId="{D288FB33-C432-C0BA-9B36-A6DE252B1A41}"/>
          </ac:picMkLst>
        </pc:picChg>
        <pc:picChg chg="del">
          <ac:chgData name="Nam Le" userId="f5edd110-785b-40f8-8ae8-8aac6ac898db" providerId="ADAL" clId="{3A4AD891-9489-4BD6-88B8-A667CA7F5A11}" dt="2023-02-22T02:51:01.225" v="647" actId="478"/>
          <ac:picMkLst>
            <pc:docMk/>
            <pc:sldMk cId="2216062058" sldId="1382"/>
            <ac:picMk id="1026" creationId="{D814F771-6206-DB54-2FD1-AA79AAF63570}"/>
          </ac:picMkLst>
        </pc:picChg>
        <pc:picChg chg="del">
          <ac:chgData name="Nam Le" userId="f5edd110-785b-40f8-8ae8-8aac6ac898db" providerId="ADAL" clId="{3A4AD891-9489-4BD6-88B8-A667CA7F5A11}" dt="2023-02-22T02:50:58.915" v="645" actId="478"/>
          <ac:picMkLst>
            <pc:docMk/>
            <pc:sldMk cId="2216062058" sldId="1382"/>
            <ac:picMk id="4098" creationId="{7C79449B-18AD-054C-E256-7128B6D90CF0}"/>
          </ac:picMkLst>
        </pc:picChg>
      </pc:sldChg>
      <pc:sldChg chg="modSp add mod">
        <pc:chgData name="Nam Le" userId="f5edd110-785b-40f8-8ae8-8aac6ac898db" providerId="ADAL" clId="{3A4AD891-9489-4BD6-88B8-A667CA7F5A11}" dt="2023-02-22T04:48:11.432" v="2182" actId="20577"/>
        <pc:sldMkLst>
          <pc:docMk/>
          <pc:sldMk cId="2472294736" sldId="1383"/>
        </pc:sldMkLst>
        <pc:spChg chg="mod">
          <ac:chgData name="Nam Le" userId="f5edd110-785b-40f8-8ae8-8aac6ac898db" providerId="ADAL" clId="{3A4AD891-9489-4BD6-88B8-A667CA7F5A11}" dt="2023-02-22T04:48:11.432" v="2182" actId="20577"/>
          <ac:spMkLst>
            <pc:docMk/>
            <pc:sldMk cId="2472294736" sldId="1383"/>
            <ac:spMk id="3" creationId="{7848736F-4E10-CD2D-64FD-9E7C6344DB9E}"/>
          </ac:spMkLst>
        </pc:spChg>
        <pc:spChg chg="mod">
          <ac:chgData name="Nam Le" userId="f5edd110-785b-40f8-8ae8-8aac6ac898db" providerId="ADAL" clId="{3A4AD891-9489-4BD6-88B8-A667CA7F5A11}" dt="2023-02-22T04:42:47.525" v="1665" actId="313"/>
          <ac:spMkLst>
            <pc:docMk/>
            <pc:sldMk cId="2472294736" sldId="1383"/>
            <ac:spMk id="4" creationId="{B874381D-3683-E1CA-4051-FAF5437746BA}"/>
          </ac:spMkLst>
        </pc:spChg>
      </pc:sldChg>
      <pc:sldChg chg="addSp delSp modSp add mod ord">
        <pc:chgData name="Nam Le" userId="f5edd110-785b-40f8-8ae8-8aac6ac898db" providerId="ADAL" clId="{3A4AD891-9489-4BD6-88B8-A667CA7F5A11}" dt="2023-02-23T04:54:14.388" v="7817" actId="6549"/>
        <pc:sldMkLst>
          <pc:docMk/>
          <pc:sldMk cId="3771344923" sldId="1384"/>
        </pc:sldMkLst>
        <pc:spChg chg="del">
          <ac:chgData name="Nam Le" userId="f5edd110-785b-40f8-8ae8-8aac6ac898db" providerId="ADAL" clId="{3A4AD891-9489-4BD6-88B8-A667CA7F5A11}" dt="2023-02-22T04:48:31.697" v="2188" actId="478"/>
          <ac:spMkLst>
            <pc:docMk/>
            <pc:sldMk cId="3771344923" sldId="1384"/>
            <ac:spMk id="3" creationId="{7848736F-4E10-CD2D-64FD-9E7C6344DB9E}"/>
          </ac:spMkLst>
        </pc:spChg>
        <pc:spChg chg="mod">
          <ac:chgData name="Nam Le" userId="f5edd110-785b-40f8-8ae8-8aac6ac898db" providerId="ADAL" clId="{3A4AD891-9489-4BD6-88B8-A667CA7F5A11}" dt="2023-02-23T03:23:32.523" v="7661" actId="20577"/>
          <ac:spMkLst>
            <pc:docMk/>
            <pc:sldMk cId="3771344923" sldId="1384"/>
            <ac:spMk id="4" creationId="{B874381D-3683-E1CA-4051-FAF5437746BA}"/>
          </ac:spMkLst>
        </pc:spChg>
        <pc:spChg chg="del">
          <ac:chgData name="Nam Le" userId="f5edd110-785b-40f8-8ae8-8aac6ac898db" providerId="ADAL" clId="{3A4AD891-9489-4BD6-88B8-A667CA7F5A11}" dt="2023-02-22T04:48:37.693" v="2193" actId="478"/>
          <ac:spMkLst>
            <pc:docMk/>
            <pc:sldMk cId="3771344923" sldId="1384"/>
            <ac:spMk id="5" creationId="{68A8AEA8-22DD-163B-33D3-FC491E1C14A8}"/>
          </ac:spMkLst>
        </pc:spChg>
        <pc:spChg chg="del">
          <ac:chgData name="Nam Le" userId="f5edd110-785b-40f8-8ae8-8aac6ac898db" providerId="ADAL" clId="{3A4AD891-9489-4BD6-88B8-A667CA7F5A11}" dt="2023-02-22T04:48:37.693" v="2193" actId="478"/>
          <ac:spMkLst>
            <pc:docMk/>
            <pc:sldMk cId="3771344923" sldId="1384"/>
            <ac:spMk id="6" creationId="{1A90B963-0D3C-640E-33E6-326A067C9CC0}"/>
          </ac:spMkLst>
        </pc:spChg>
        <pc:spChg chg="del">
          <ac:chgData name="Nam Le" userId="f5edd110-785b-40f8-8ae8-8aac6ac898db" providerId="ADAL" clId="{3A4AD891-9489-4BD6-88B8-A667CA7F5A11}" dt="2023-02-22T04:48:37.693" v="2193" actId="478"/>
          <ac:spMkLst>
            <pc:docMk/>
            <pc:sldMk cId="3771344923" sldId="1384"/>
            <ac:spMk id="7" creationId="{5965C9EF-4CC0-0EEB-972E-9DEA979BDC5A}"/>
          </ac:spMkLst>
        </pc:spChg>
        <pc:spChg chg="add del mod">
          <ac:chgData name="Nam Le" userId="f5edd110-785b-40f8-8ae8-8aac6ac898db" providerId="ADAL" clId="{3A4AD891-9489-4BD6-88B8-A667CA7F5A11}" dt="2023-02-22T04:48:33.759" v="2189" actId="478"/>
          <ac:spMkLst>
            <pc:docMk/>
            <pc:sldMk cId="3771344923" sldId="1384"/>
            <ac:spMk id="9" creationId="{05694FEE-9FFC-8132-AF36-1E1CFE3616CE}"/>
          </ac:spMkLst>
        </pc:spChg>
        <pc:spChg chg="add del mod">
          <ac:chgData name="Nam Le" userId="f5edd110-785b-40f8-8ae8-8aac6ac898db" providerId="ADAL" clId="{3A4AD891-9489-4BD6-88B8-A667CA7F5A11}" dt="2023-02-22T04:51:59.539" v="2248" actId="478"/>
          <ac:spMkLst>
            <pc:docMk/>
            <pc:sldMk cId="3771344923" sldId="1384"/>
            <ac:spMk id="13" creationId="{4C0B7479-B2A6-AC97-35F3-E50203A00824}"/>
          </ac:spMkLst>
        </pc:spChg>
        <pc:spChg chg="add mod">
          <ac:chgData name="Nam Le" userId="f5edd110-785b-40f8-8ae8-8aac6ac898db" providerId="ADAL" clId="{3A4AD891-9489-4BD6-88B8-A667CA7F5A11}" dt="2023-02-23T04:54:14.388" v="7817" actId="6549"/>
          <ac:spMkLst>
            <pc:docMk/>
            <pc:sldMk cId="3771344923" sldId="1384"/>
            <ac:spMk id="15" creationId="{7F54D3AB-182C-9D25-AC7D-64F88B3AD071}"/>
          </ac:spMkLst>
        </pc:spChg>
        <pc:graphicFrameChg chg="add del mod">
          <ac:chgData name="Nam Le" userId="f5edd110-785b-40f8-8ae8-8aac6ac898db" providerId="ADAL" clId="{3A4AD891-9489-4BD6-88B8-A667CA7F5A11}" dt="2023-02-22T04:51:09.986" v="2246" actId="478"/>
          <ac:graphicFrameMkLst>
            <pc:docMk/>
            <pc:sldMk cId="3771344923" sldId="1384"/>
            <ac:graphicFrameMk id="14" creationId="{1793F3B4-E81C-68B0-D26A-6BFC07905AFC}"/>
          </ac:graphicFrameMkLst>
        </pc:graphicFrameChg>
        <pc:picChg chg="del">
          <ac:chgData name="Nam Le" userId="f5edd110-785b-40f8-8ae8-8aac6ac898db" providerId="ADAL" clId="{3A4AD891-9489-4BD6-88B8-A667CA7F5A11}" dt="2023-02-22T04:48:34.363" v="2190" actId="478"/>
          <ac:picMkLst>
            <pc:docMk/>
            <pc:sldMk cId="3771344923" sldId="1384"/>
            <ac:picMk id="2" creationId="{30B77FC9-F2D9-B77F-9B8B-4A802F0E70D0}"/>
          </ac:picMkLst>
        </pc:picChg>
        <pc:picChg chg="add mod">
          <ac:chgData name="Nam Le" userId="f5edd110-785b-40f8-8ae8-8aac6ac898db" providerId="ADAL" clId="{3A4AD891-9489-4BD6-88B8-A667CA7F5A11}" dt="2023-02-22T04:52:08.389" v="2250" actId="1076"/>
          <ac:picMkLst>
            <pc:docMk/>
            <pc:sldMk cId="3771344923" sldId="1384"/>
            <ac:picMk id="10" creationId="{96EA24E8-2518-1924-99C1-1ADE5A5B5F1D}"/>
          </ac:picMkLst>
        </pc:picChg>
        <pc:picChg chg="add del mod">
          <ac:chgData name="Nam Le" userId="f5edd110-785b-40f8-8ae8-8aac6ac898db" providerId="ADAL" clId="{3A4AD891-9489-4BD6-88B8-A667CA7F5A11}" dt="2023-02-22T04:51:57.987" v="2247" actId="478"/>
          <ac:picMkLst>
            <pc:docMk/>
            <pc:sldMk cId="3771344923" sldId="1384"/>
            <ac:picMk id="11" creationId="{98BE8037-55E4-37E5-D430-DA981DD6328C}"/>
          </ac:picMkLst>
        </pc:picChg>
        <pc:picChg chg="del">
          <ac:chgData name="Nam Le" userId="f5edd110-785b-40f8-8ae8-8aac6ac898db" providerId="ADAL" clId="{3A4AD891-9489-4BD6-88B8-A667CA7F5A11}" dt="2023-02-22T04:48:34.876" v="2191" actId="478"/>
          <ac:picMkLst>
            <pc:docMk/>
            <pc:sldMk cId="3771344923" sldId="1384"/>
            <ac:picMk id="5122" creationId="{223378D3-2972-173B-F229-24F8508F34FA}"/>
          </ac:picMkLst>
        </pc:picChg>
        <pc:picChg chg="del">
          <ac:chgData name="Nam Le" userId="f5edd110-785b-40f8-8ae8-8aac6ac898db" providerId="ADAL" clId="{3A4AD891-9489-4BD6-88B8-A667CA7F5A11}" dt="2023-02-22T04:48:35.357" v="2192" actId="478"/>
          <ac:picMkLst>
            <pc:docMk/>
            <pc:sldMk cId="3771344923" sldId="1384"/>
            <ac:picMk id="5124" creationId="{5F000A46-3F15-605D-73CF-384DDB39C5A7}"/>
          </ac:picMkLst>
        </pc:picChg>
        <pc:cxnChg chg="del">
          <ac:chgData name="Nam Le" userId="f5edd110-785b-40f8-8ae8-8aac6ac898db" providerId="ADAL" clId="{3A4AD891-9489-4BD6-88B8-A667CA7F5A11}" dt="2023-02-23T03:32:12.848" v="7740" actId="478"/>
          <ac:cxnSpMkLst>
            <pc:docMk/>
            <pc:sldMk cId="3771344923" sldId="1384"/>
            <ac:cxnSpMk id="12" creationId="{E491CAEF-7453-0D16-C74A-DE0D4D9CE8C6}"/>
          </ac:cxnSpMkLst>
        </pc:cxnChg>
        <pc:cxnChg chg="del">
          <ac:chgData name="Nam Le" userId="f5edd110-785b-40f8-8ae8-8aac6ac898db" providerId="ADAL" clId="{3A4AD891-9489-4BD6-88B8-A667CA7F5A11}" dt="2023-02-23T03:32:12.848" v="7740" actId="478"/>
          <ac:cxnSpMkLst>
            <pc:docMk/>
            <pc:sldMk cId="3771344923" sldId="1384"/>
            <ac:cxnSpMk id="17" creationId="{3C0A6619-340F-7CB3-DDA4-16B9BADE4D48}"/>
          </ac:cxnSpMkLst>
        </pc:cxnChg>
        <pc:cxnChg chg="del">
          <ac:chgData name="Nam Le" userId="f5edd110-785b-40f8-8ae8-8aac6ac898db" providerId="ADAL" clId="{3A4AD891-9489-4BD6-88B8-A667CA7F5A11}" dt="2023-02-23T03:32:15.923" v="7741" actId="478"/>
          <ac:cxnSpMkLst>
            <pc:docMk/>
            <pc:sldMk cId="3771344923" sldId="1384"/>
            <ac:cxnSpMk id="18" creationId="{26B81832-76BE-DBB9-B98E-E7C6364BE2CB}"/>
          </ac:cxnSpMkLst>
        </pc:cxnChg>
        <pc:cxnChg chg="del">
          <ac:chgData name="Nam Le" userId="f5edd110-785b-40f8-8ae8-8aac6ac898db" providerId="ADAL" clId="{3A4AD891-9489-4BD6-88B8-A667CA7F5A11}" dt="2023-02-23T03:32:15.923" v="7741" actId="478"/>
          <ac:cxnSpMkLst>
            <pc:docMk/>
            <pc:sldMk cId="3771344923" sldId="1384"/>
            <ac:cxnSpMk id="21" creationId="{BC16FFB4-5FE7-BB3F-82DB-3D3C4AC315EA}"/>
          </ac:cxnSpMkLst>
        </pc:cxnChg>
      </pc:sldChg>
      <pc:sldChg chg="addSp delSp modSp add mod">
        <pc:chgData name="Nam Le" userId="f5edd110-785b-40f8-8ae8-8aac6ac898db" providerId="ADAL" clId="{3A4AD891-9489-4BD6-88B8-A667CA7F5A11}" dt="2023-02-23T03:24:09.969" v="7665" actId="6549"/>
        <pc:sldMkLst>
          <pc:docMk/>
          <pc:sldMk cId="3663867531" sldId="1385"/>
        </pc:sldMkLst>
        <pc:spChg chg="add mod">
          <ac:chgData name="Nam Le" userId="f5edd110-785b-40f8-8ae8-8aac6ac898db" providerId="ADAL" clId="{3A4AD891-9489-4BD6-88B8-A667CA7F5A11}" dt="2023-02-23T02:42:04.037" v="4508" actId="14100"/>
          <ac:spMkLst>
            <pc:docMk/>
            <pc:sldMk cId="3663867531" sldId="1385"/>
            <ac:spMk id="2" creationId="{8342C385-3135-9BD0-9D08-CC1D630D59EB}"/>
          </ac:spMkLst>
        </pc:spChg>
        <pc:spChg chg="add del mod">
          <ac:chgData name="Nam Le" userId="f5edd110-785b-40f8-8ae8-8aac6ac898db" providerId="ADAL" clId="{3A4AD891-9489-4BD6-88B8-A667CA7F5A11}" dt="2023-02-22T04:58:34.745" v="2318"/>
          <ac:spMkLst>
            <pc:docMk/>
            <pc:sldMk cId="3663867531" sldId="1385"/>
            <ac:spMk id="2" creationId="{D1FB7A97-7FEC-3E76-4C55-4E96532F0423}"/>
          </ac:spMkLst>
        </pc:spChg>
        <pc:spChg chg="add del mod">
          <ac:chgData name="Nam Le" userId="f5edd110-785b-40f8-8ae8-8aac6ac898db" providerId="ADAL" clId="{3A4AD891-9489-4BD6-88B8-A667CA7F5A11}" dt="2023-02-22T04:58:34.745" v="2318"/>
          <ac:spMkLst>
            <pc:docMk/>
            <pc:sldMk cId="3663867531" sldId="1385"/>
            <ac:spMk id="3" creationId="{123064DD-2076-9D43-C657-DB8CE3FFE99B}"/>
          </ac:spMkLst>
        </pc:spChg>
        <pc:spChg chg="mod">
          <ac:chgData name="Nam Le" userId="f5edd110-785b-40f8-8ae8-8aac6ac898db" providerId="ADAL" clId="{3A4AD891-9489-4BD6-88B8-A667CA7F5A11}" dt="2023-02-23T03:24:09.969" v="7665" actId="6549"/>
          <ac:spMkLst>
            <pc:docMk/>
            <pc:sldMk cId="3663867531" sldId="1385"/>
            <ac:spMk id="4" creationId="{B874381D-3683-E1CA-4051-FAF5437746BA}"/>
          </ac:spMkLst>
        </pc:spChg>
        <pc:spChg chg="add del mod">
          <ac:chgData name="Nam Le" userId="f5edd110-785b-40f8-8ae8-8aac6ac898db" providerId="ADAL" clId="{3A4AD891-9489-4BD6-88B8-A667CA7F5A11}" dt="2023-02-22T04:58:34.745" v="2318"/>
          <ac:spMkLst>
            <pc:docMk/>
            <pc:sldMk cId="3663867531" sldId="1385"/>
            <ac:spMk id="5" creationId="{36F7B9A9-AA64-37F9-13F9-85B60F278865}"/>
          </ac:spMkLst>
        </pc:spChg>
        <pc:spChg chg="add mod">
          <ac:chgData name="Nam Le" userId="f5edd110-785b-40f8-8ae8-8aac6ac898db" providerId="ADAL" clId="{3A4AD891-9489-4BD6-88B8-A667CA7F5A11}" dt="2023-02-22T04:58:56.100" v="2361" actId="1037"/>
          <ac:spMkLst>
            <pc:docMk/>
            <pc:sldMk cId="3663867531" sldId="1385"/>
            <ac:spMk id="10" creationId="{03A6A3B9-00A8-1B85-BF4A-8777FB9AC524}"/>
          </ac:spMkLst>
        </pc:spChg>
        <pc:spChg chg="add mod">
          <ac:chgData name="Nam Le" userId="f5edd110-785b-40f8-8ae8-8aac6ac898db" providerId="ADAL" clId="{3A4AD891-9489-4BD6-88B8-A667CA7F5A11}" dt="2023-02-22T04:58:56.100" v="2361" actId="1037"/>
          <ac:spMkLst>
            <pc:docMk/>
            <pc:sldMk cId="3663867531" sldId="1385"/>
            <ac:spMk id="11" creationId="{6C126EDD-B0AB-2F5D-7D45-DF0456CC2AB5}"/>
          </ac:spMkLst>
        </pc:spChg>
        <pc:spChg chg="add mod">
          <ac:chgData name="Nam Le" userId="f5edd110-785b-40f8-8ae8-8aac6ac898db" providerId="ADAL" clId="{3A4AD891-9489-4BD6-88B8-A667CA7F5A11}" dt="2023-02-22T04:58:56.100" v="2361" actId="1037"/>
          <ac:spMkLst>
            <pc:docMk/>
            <pc:sldMk cId="3663867531" sldId="1385"/>
            <ac:spMk id="13" creationId="{EF493649-55E8-4E11-3E5A-D9F3E6CB13C0}"/>
          </ac:spMkLst>
        </pc:spChg>
        <pc:graphicFrameChg chg="add del mod">
          <ac:chgData name="Nam Le" userId="f5edd110-785b-40f8-8ae8-8aac6ac898db" providerId="ADAL" clId="{3A4AD891-9489-4BD6-88B8-A667CA7F5A11}" dt="2023-02-22T04:58:34.745" v="2318"/>
          <ac:graphicFrameMkLst>
            <pc:docMk/>
            <pc:sldMk cId="3663867531" sldId="1385"/>
            <ac:graphicFrameMk id="6" creationId="{BDE3339B-FF02-DEE5-4409-9009C0BBB40E}"/>
          </ac:graphicFrameMkLst>
        </pc:graphicFrameChg>
        <pc:graphicFrameChg chg="add del mod">
          <ac:chgData name="Nam Le" userId="f5edd110-785b-40f8-8ae8-8aac6ac898db" providerId="ADAL" clId="{3A4AD891-9489-4BD6-88B8-A667CA7F5A11}" dt="2023-02-22T04:58:34.745" v="2318"/>
          <ac:graphicFrameMkLst>
            <pc:docMk/>
            <pc:sldMk cId="3663867531" sldId="1385"/>
            <ac:graphicFrameMk id="7" creationId="{C76C5F52-8FEB-A445-8567-93362832781D}"/>
          </ac:graphicFrameMkLst>
        </pc:graphicFrameChg>
        <pc:graphicFrameChg chg="add del mod">
          <ac:chgData name="Nam Le" userId="f5edd110-785b-40f8-8ae8-8aac6ac898db" providerId="ADAL" clId="{3A4AD891-9489-4BD6-88B8-A667CA7F5A11}" dt="2023-02-22T04:58:34.745" v="2318"/>
          <ac:graphicFrameMkLst>
            <pc:docMk/>
            <pc:sldMk cId="3663867531" sldId="1385"/>
            <ac:graphicFrameMk id="8" creationId="{2D287D57-DCCD-2ACC-861A-452C43FCA6D6}"/>
          </ac:graphicFrameMkLst>
        </pc:graphicFrameChg>
        <pc:graphicFrameChg chg="add mod">
          <ac:chgData name="Nam Le" userId="f5edd110-785b-40f8-8ae8-8aac6ac898db" providerId="ADAL" clId="{3A4AD891-9489-4BD6-88B8-A667CA7F5A11}" dt="2023-02-22T04:58:56.100" v="2361" actId="1037"/>
          <ac:graphicFrameMkLst>
            <pc:docMk/>
            <pc:sldMk cId="3663867531" sldId="1385"/>
            <ac:graphicFrameMk id="9" creationId="{4A101E1E-BFF4-41E6-9E4F-6179D62817E3}"/>
          </ac:graphicFrameMkLst>
        </pc:graphicFrameChg>
        <pc:graphicFrameChg chg="add mod">
          <ac:chgData name="Nam Le" userId="f5edd110-785b-40f8-8ae8-8aac6ac898db" providerId="ADAL" clId="{3A4AD891-9489-4BD6-88B8-A667CA7F5A11}" dt="2023-02-22T04:58:56.100" v="2361" actId="1037"/>
          <ac:graphicFrameMkLst>
            <pc:docMk/>
            <pc:sldMk cId="3663867531" sldId="1385"/>
            <ac:graphicFrameMk id="14" creationId="{61C89F21-47A4-1E50-04D6-5CEB7BDD37FE}"/>
          </ac:graphicFrameMkLst>
        </pc:graphicFrameChg>
        <pc:graphicFrameChg chg="add mod">
          <ac:chgData name="Nam Le" userId="f5edd110-785b-40f8-8ae8-8aac6ac898db" providerId="ADAL" clId="{3A4AD891-9489-4BD6-88B8-A667CA7F5A11}" dt="2023-02-22T04:58:56.100" v="2361" actId="1037"/>
          <ac:graphicFrameMkLst>
            <pc:docMk/>
            <pc:sldMk cId="3663867531" sldId="1385"/>
            <ac:graphicFrameMk id="15" creationId="{8F9577E7-D674-6E41-77D1-0B53A5EAC1E0}"/>
          </ac:graphicFrameMkLst>
        </pc:graphicFrameChg>
        <pc:graphicFrameChg chg="add mod">
          <ac:chgData name="Nam Le" userId="f5edd110-785b-40f8-8ae8-8aac6ac898db" providerId="ADAL" clId="{3A4AD891-9489-4BD6-88B8-A667CA7F5A11}" dt="2023-02-22T04:58:56.100" v="2361" actId="1037"/>
          <ac:graphicFrameMkLst>
            <pc:docMk/>
            <pc:sldMk cId="3663867531" sldId="1385"/>
            <ac:graphicFrameMk id="16" creationId="{EFD378B4-EC5D-70D9-4E43-38D9B7D274F4}"/>
          </ac:graphicFrameMkLst>
        </pc:graphicFrameChg>
        <pc:picChg chg="mod">
          <ac:chgData name="Nam Le" userId="f5edd110-785b-40f8-8ae8-8aac6ac898db" providerId="ADAL" clId="{3A4AD891-9489-4BD6-88B8-A667CA7F5A11}" dt="2023-02-23T02:38:52.193" v="4160" actId="14100"/>
          <ac:picMkLst>
            <pc:docMk/>
            <pc:sldMk cId="3663867531" sldId="1385"/>
            <ac:picMk id="3" creationId="{74DDE416-F147-0D5E-E32D-3718D422F50F}"/>
          </ac:picMkLst>
        </pc:picChg>
      </pc:sldChg>
      <pc:sldChg chg="modSp add mod">
        <pc:chgData name="Nam Le" userId="f5edd110-785b-40f8-8ae8-8aac6ac898db" providerId="ADAL" clId="{3A4AD891-9489-4BD6-88B8-A667CA7F5A11}" dt="2023-02-22T04:49:44.079" v="2230" actId="20577"/>
        <pc:sldMkLst>
          <pc:docMk/>
          <pc:sldMk cId="3219236836" sldId="1386"/>
        </pc:sldMkLst>
        <pc:spChg chg="mod">
          <ac:chgData name="Nam Le" userId="f5edd110-785b-40f8-8ae8-8aac6ac898db" providerId="ADAL" clId="{3A4AD891-9489-4BD6-88B8-A667CA7F5A11}" dt="2023-02-22T04:49:44.079" v="2230" actId="20577"/>
          <ac:spMkLst>
            <pc:docMk/>
            <pc:sldMk cId="3219236836" sldId="1386"/>
            <ac:spMk id="4" creationId="{B874381D-3683-E1CA-4051-FAF5437746BA}"/>
          </ac:spMkLst>
        </pc:spChg>
      </pc:sldChg>
      <pc:sldChg chg="add del">
        <pc:chgData name="Nam Le" userId="f5edd110-785b-40f8-8ae8-8aac6ac898db" providerId="ADAL" clId="{3A4AD891-9489-4BD6-88B8-A667CA7F5A11}" dt="2023-02-22T04:49:57.254" v="2232" actId="47"/>
        <pc:sldMkLst>
          <pc:docMk/>
          <pc:sldMk cId="1701450863" sldId="1387"/>
        </pc:sldMkLst>
      </pc:sldChg>
      <pc:sldChg chg="modSp add mod">
        <pc:chgData name="Nam Le" userId="f5edd110-785b-40f8-8ae8-8aac6ac898db" providerId="ADAL" clId="{3A4AD891-9489-4BD6-88B8-A667CA7F5A11}" dt="2023-02-22T04:50:02.321" v="2243" actId="20577"/>
        <pc:sldMkLst>
          <pc:docMk/>
          <pc:sldMk cId="4287051958" sldId="1387"/>
        </pc:sldMkLst>
        <pc:spChg chg="mod">
          <ac:chgData name="Nam Le" userId="f5edd110-785b-40f8-8ae8-8aac6ac898db" providerId="ADAL" clId="{3A4AD891-9489-4BD6-88B8-A667CA7F5A11}" dt="2023-02-22T04:50:02.321" v="2243" actId="20577"/>
          <ac:spMkLst>
            <pc:docMk/>
            <pc:sldMk cId="4287051958" sldId="1387"/>
            <ac:spMk id="4" creationId="{B874381D-3683-E1CA-4051-FAF5437746BA}"/>
          </ac:spMkLst>
        </pc:spChg>
      </pc:sldChg>
      <pc:sldChg chg="modSp add mod modShow">
        <pc:chgData name="Nam Le" userId="f5edd110-785b-40f8-8ae8-8aac6ac898db" providerId="ADAL" clId="{3A4AD891-9489-4BD6-88B8-A667CA7F5A11}" dt="2023-02-23T03:25:45.516" v="7671" actId="729"/>
        <pc:sldMkLst>
          <pc:docMk/>
          <pc:sldMk cId="4150294950" sldId="1388"/>
        </pc:sldMkLst>
        <pc:spChg chg="mod">
          <ac:chgData name="Nam Le" userId="f5edd110-785b-40f8-8ae8-8aac6ac898db" providerId="ADAL" clId="{3A4AD891-9489-4BD6-88B8-A667CA7F5A11}" dt="2023-02-22T04:56:02.966" v="2313" actId="20577"/>
          <ac:spMkLst>
            <pc:docMk/>
            <pc:sldMk cId="4150294950" sldId="1388"/>
            <ac:spMk id="4" creationId="{B874381D-3683-E1CA-4051-FAF5437746BA}"/>
          </ac:spMkLst>
        </pc:spChg>
      </pc:sldChg>
      <pc:sldChg chg="addSp modSp add mod">
        <pc:chgData name="Nam Le" userId="f5edd110-785b-40f8-8ae8-8aac6ac898db" providerId="ADAL" clId="{3A4AD891-9489-4BD6-88B8-A667CA7F5A11}" dt="2023-02-22T05:01:01.228" v="2365" actId="1076"/>
        <pc:sldMkLst>
          <pc:docMk/>
          <pc:sldMk cId="2002089438" sldId="1389"/>
        </pc:sldMkLst>
        <pc:picChg chg="add mod">
          <ac:chgData name="Nam Le" userId="f5edd110-785b-40f8-8ae8-8aac6ac898db" providerId="ADAL" clId="{3A4AD891-9489-4BD6-88B8-A667CA7F5A11}" dt="2023-02-22T05:01:01.228" v="2365" actId="1076"/>
          <ac:picMkLst>
            <pc:docMk/>
            <pc:sldMk cId="2002089438" sldId="1389"/>
            <ac:picMk id="3" creationId="{303AC69F-D9C5-DB68-7144-09B8A8B634EB}"/>
          </ac:picMkLst>
        </pc:picChg>
      </pc:sldChg>
      <pc:sldChg chg="modSp add mod">
        <pc:chgData name="Nam Le" userId="f5edd110-785b-40f8-8ae8-8aac6ac898db" providerId="ADAL" clId="{3A4AD891-9489-4BD6-88B8-A667CA7F5A11}" dt="2023-02-23T03:24:34.744" v="7670" actId="6549"/>
        <pc:sldMkLst>
          <pc:docMk/>
          <pc:sldMk cId="1292856687" sldId="1390"/>
        </pc:sldMkLst>
        <pc:spChg chg="mod">
          <ac:chgData name="Nam Le" userId="f5edd110-785b-40f8-8ae8-8aac6ac898db" providerId="ADAL" clId="{3A4AD891-9489-4BD6-88B8-A667CA7F5A11}" dt="2023-02-23T03:24:34.744" v="7670" actId="6549"/>
          <ac:spMkLst>
            <pc:docMk/>
            <pc:sldMk cId="1292856687" sldId="1390"/>
            <ac:spMk id="4" creationId="{B874381D-3683-E1CA-4051-FAF5437746BA}"/>
          </ac:spMkLst>
        </pc:spChg>
      </pc:sldChg>
      <pc:sldChg chg="modSp add mod">
        <pc:chgData name="Nam Le" userId="f5edd110-785b-40f8-8ae8-8aac6ac898db" providerId="ADAL" clId="{3A4AD891-9489-4BD6-88B8-A667CA7F5A11}" dt="2023-02-23T03:35:23.361" v="7807" actId="1036"/>
        <pc:sldMkLst>
          <pc:docMk/>
          <pc:sldMk cId="2163880909" sldId="1391"/>
        </pc:sldMkLst>
        <pc:spChg chg="mod">
          <ac:chgData name="Nam Le" userId="f5edd110-785b-40f8-8ae8-8aac6ac898db" providerId="ADAL" clId="{3A4AD891-9489-4BD6-88B8-A667CA7F5A11}" dt="2023-02-23T02:44:04.722" v="4534" actId="20577"/>
          <ac:spMkLst>
            <pc:docMk/>
            <pc:sldMk cId="2163880909" sldId="1391"/>
            <ac:spMk id="4" creationId="{B874381D-3683-E1CA-4051-FAF5437746BA}"/>
          </ac:spMkLst>
        </pc:spChg>
        <pc:spChg chg="mod">
          <ac:chgData name="Nam Le" userId="f5edd110-785b-40f8-8ae8-8aac6ac898db" providerId="ADAL" clId="{3A4AD891-9489-4BD6-88B8-A667CA7F5A11}" dt="2023-02-23T03:34:52.174" v="7771" actId="1038"/>
          <ac:spMkLst>
            <pc:docMk/>
            <pc:sldMk cId="2163880909" sldId="1391"/>
            <ac:spMk id="34" creationId="{B1A55972-83B4-5FB6-9F6B-7F55EC37EC8E}"/>
          </ac:spMkLst>
        </pc:spChg>
        <pc:graphicFrameChg chg="modGraphic">
          <ac:chgData name="Nam Le" userId="f5edd110-785b-40f8-8ae8-8aac6ac898db" providerId="ADAL" clId="{3A4AD891-9489-4BD6-88B8-A667CA7F5A11}" dt="2023-02-23T02:44:37.753" v="4572" actId="20577"/>
          <ac:graphicFrameMkLst>
            <pc:docMk/>
            <pc:sldMk cId="2163880909" sldId="1391"/>
            <ac:graphicFrameMk id="28" creationId="{A1133062-76FE-A037-3C01-2C7C826D9138}"/>
          </ac:graphicFrameMkLst>
        </pc:graphicFrameChg>
        <pc:picChg chg="mod">
          <ac:chgData name="Nam Le" userId="f5edd110-785b-40f8-8ae8-8aac6ac898db" providerId="ADAL" clId="{3A4AD891-9489-4BD6-88B8-A667CA7F5A11}" dt="2023-02-23T03:35:23.361" v="7807" actId="1036"/>
          <ac:picMkLst>
            <pc:docMk/>
            <pc:sldMk cId="2163880909" sldId="1391"/>
            <ac:picMk id="3" creationId="{F418591C-CF59-5EC1-7ED5-34623AB1869A}"/>
          </ac:picMkLst>
        </pc:picChg>
        <pc:picChg chg="mod">
          <ac:chgData name="Nam Le" userId="f5edd110-785b-40f8-8ae8-8aac6ac898db" providerId="ADAL" clId="{3A4AD891-9489-4BD6-88B8-A667CA7F5A11}" dt="2023-02-23T03:35:07.943" v="7782" actId="1035"/>
          <ac:picMkLst>
            <pc:docMk/>
            <pc:sldMk cId="2163880909" sldId="1391"/>
            <ac:picMk id="30" creationId="{610FD5F8-1688-360E-D329-4A030ACCD69E}"/>
          </ac:picMkLst>
        </pc:picChg>
        <pc:picChg chg="mod">
          <ac:chgData name="Nam Le" userId="f5edd110-785b-40f8-8ae8-8aac6ac898db" providerId="ADAL" clId="{3A4AD891-9489-4BD6-88B8-A667CA7F5A11}" dt="2023-02-23T03:35:07.943" v="7782" actId="1035"/>
          <ac:picMkLst>
            <pc:docMk/>
            <pc:sldMk cId="2163880909" sldId="1391"/>
            <ac:picMk id="31" creationId="{5A9C3455-0535-1283-C103-ED17B9094DCC}"/>
          </ac:picMkLst>
        </pc:picChg>
        <pc:picChg chg="mod">
          <ac:chgData name="Nam Le" userId="f5edd110-785b-40f8-8ae8-8aac6ac898db" providerId="ADAL" clId="{3A4AD891-9489-4BD6-88B8-A667CA7F5A11}" dt="2023-02-23T03:35:15.527" v="7798" actId="1037"/>
          <ac:picMkLst>
            <pc:docMk/>
            <pc:sldMk cId="2163880909" sldId="1391"/>
            <ac:picMk id="1026" creationId="{0D80A9AF-87F9-7C00-013B-4474123A643C}"/>
          </ac:picMkLst>
        </pc:picChg>
      </pc:sldChg>
      <pc:sldChg chg="delSp modSp add mod">
        <pc:chgData name="Nam Le" userId="f5edd110-785b-40f8-8ae8-8aac6ac898db" providerId="ADAL" clId="{3A4AD891-9489-4BD6-88B8-A667CA7F5A11}" dt="2023-02-22T05:10:31.213" v="2741"/>
        <pc:sldMkLst>
          <pc:docMk/>
          <pc:sldMk cId="1796909559" sldId="1392"/>
        </pc:sldMkLst>
        <pc:spChg chg="del mod">
          <ac:chgData name="Nam Le" userId="f5edd110-785b-40f8-8ae8-8aac6ac898db" providerId="ADAL" clId="{3A4AD891-9489-4BD6-88B8-A667CA7F5A11}" dt="2023-02-22T05:10:31.213" v="2741"/>
          <ac:spMkLst>
            <pc:docMk/>
            <pc:sldMk cId="1796909559" sldId="1392"/>
            <ac:spMk id="4" creationId="{B874381D-3683-E1CA-4051-FAF5437746BA}"/>
          </ac:spMkLst>
        </pc:spChg>
      </pc:sldChg>
      <pc:sldChg chg="addSp delSp modSp add mod">
        <pc:chgData name="Nam Le" userId="f5edd110-785b-40f8-8ae8-8aac6ac898db" providerId="ADAL" clId="{3A4AD891-9489-4BD6-88B8-A667CA7F5A11}" dt="2023-02-23T02:52:21.691" v="5278" actId="14100"/>
        <pc:sldMkLst>
          <pc:docMk/>
          <pc:sldMk cId="2767853665" sldId="1393"/>
        </pc:sldMkLst>
        <pc:spChg chg="add del mod">
          <ac:chgData name="Nam Le" userId="f5edd110-785b-40f8-8ae8-8aac6ac898db" providerId="ADAL" clId="{3A4AD891-9489-4BD6-88B8-A667CA7F5A11}" dt="2023-02-22T10:38:36.811" v="3167" actId="478"/>
          <ac:spMkLst>
            <pc:docMk/>
            <pc:sldMk cId="2767853665" sldId="1393"/>
            <ac:spMk id="2" creationId="{10F4136D-4D78-F2E3-1293-980BFA0FB7CB}"/>
          </ac:spMkLst>
        </pc:spChg>
        <pc:spChg chg="add mod">
          <ac:chgData name="Nam Le" userId="f5edd110-785b-40f8-8ae8-8aac6ac898db" providerId="ADAL" clId="{3A4AD891-9489-4BD6-88B8-A667CA7F5A11}" dt="2023-02-23T02:50:31.024" v="5242" actId="1076"/>
          <ac:spMkLst>
            <pc:docMk/>
            <pc:sldMk cId="2767853665" sldId="1393"/>
            <ac:spMk id="2" creationId="{275E413C-F67E-1608-12A8-516B838C34F8}"/>
          </ac:spMkLst>
        </pc:spChg>
        <pc:spChg chg="add del mod">
          <ac:chgData name="Nam Le" userId="f5edd110-785b-40f8-8ae8-8aac6ac898db" providerId="ADAL" clId="{3A4AD891-9489-4BD6-88B8-A667CA7F5A11}" dt="2023-02-22T10:38:36.811" v="3167" actId="478"/>
          <ac:spMkLst>
            <pc:docMk/>
            <pc:sldMk cId="2767853665" sldId="1393"/>
            <ac:spMk id="3" creationId="{8A87BEA1-5D91-14D1-37E3-3424A6D783A9}"/>
          </ac:spMkLst>
        </pc:spChg>
        <pc:spChg chg="mod">
          <ac:chgData name="Nam Le" userId="f5edd110-785b-40f8-8ae8-8aac6ac898db" providerId="ADAL" clId="{3A4AD891-9489-4BD6-88B8-A667CA7F5A11}" dt="2023-02-22T10:34:52" v="3103" actId="20577"/>
          <ac:spMkLst>
            <pc:docMk/>
            <pc:sldMk cId="2767853665" sldId="1393"/>
            <ac:spMk id="4" creationId="{B874381D-3683-E1CA-4051-FAF5437746BA}"/>
          </ac:spMkLst>
        </pc:spChg>
        <pc:spChg chg="add del mod">
          <ac:chgData name="Nam Le" userId="f5edd110-785b-40f8-8ae8-8aac6ac898db" providerId="ADAL" clId="{3A4AD891-9489-4BD6-88B8-A667CA7F5A11}" dt="2023-02-22T10:38:36.811" v="3167" actId="478"/>
          <ac:spMkLst>
            <pc:docMk/>
            <pc:sldMk cId="2767853665" sldId="1393"/>
            <ac:spMk id="5" creationId="{520179EE-D939-C668-6901-B2289A9B1067}"/>
          </ac:spMkLst>
        </pc:spChg>
        <pc:spChg chg="add del mod">
          <ac:chgData name="Nam Le" userId="f5edd110-785b-40f8-8ae8-8aac6ac898db" providerId="ADAL" clId="{3A4AD891-9489-4BD6-88B8-A667CA7F5A11}" dt="2023-02-22T10:38:36.811" v="3167" actId="478"/>
          <ac:spMkLst>
            <pc:docMk/>
            <pc:sldMk cId="2767853665" sldId="1393"/>
            <ac:spMk id="6" creationId="{74D42641-3AEA-E04D-C51F-BBD8FA1B76A3}"/>
          </ac:spMkLst>
        </pc:spChg>
        <pc:spChg chg="add del mod">
          <ac:chgData name="Nam Le" userId="f5edd110-785b-40f8-8ae8-8aac6ac898db" providerId="ADAL" clId="{3A4AD891-9489-4BD6-88B8-A667CA7F5A11}" dt="2023-02-22T10:38:36.811" v="3167" actId="478"/>
          <ac:spMkLst>
            <pc:docMk/>
            <pc:sldMk cId="2767853665" sldId="1393"/>
            <ac:spMk id="7" creationId="{411F98C4-F37E-55BF-9B50-E0D7FA7F716A}"/>
          </ac:spMkLst>
        </pc:spChg>
        <pc:spChg chg="add del mod">
          <ac:chgData name="Nam Le" userId="f5edd110-785b-40f8-8ae8-8aac6ac898db" providerId="ADAL" clId="{3A4AD891-9489-4BD6-88B8-A667CA7F5A11}" dt="2023-02-22T10:38:36.811" v="3167" actId="478"/>
          <ac:spMkLst>
            <pc:docMk/>
            <pc:sldMk cId="2767853665" sldId="1393"/>
            <ac:spMk id="8" creationId="{B702A65F-562C-233B-6C18-E1BFC35EBC20}"/>
          </ac:spMkLst>
        </pc:spChg>
        <pc:spChg chg="add del mod">
          <ac:chgData name="Nam Le" userId="f5edd110-785b-40f8-8ae8-8aac6ac898db" providerId="ADAL" clId="{3A4AD891-9489-4BD6-88B8-A667CA7F5A11}" dt="2023-02-22T10:38:36.811" v="3167" actId="478"/>
          <ac:spMkLst>
            <pc:docMk/>
            <pc:sldMk cId="2767853665" sldId="1393"/>
            <ac:spMk id="9" creationId="{98317C53-5D7A-E914-A17B-2E97C547D06B}"/>
          </ac:spMkLst>
        </pc:spChg>
        <pc:spChg chg="add del mod">
          <ac:chgData name="Nam Le" userId="f5edd110-785b-40f8-8ae8-8aac6ac898db" providerId="ADAL" clId="{3A4AD891-9489-4BD6-88B8-A667CA7F5A11}" dt="2023-02-22T10:38:36.811" v="3167" actId="478"/>
          <ac:spMkLst>
            <pc:docMk/>
            <pc:sldMk cId="2767853665" sldId="1393"/>
            <ac:spMk id="10" creationId="{22EE9D8F-2C34-696F-238E-123A2A0DB42D}"/>
          </ac:spMkLst>
        </pc:spChg>
        <pc:spChg chg="add del mod">
          <ac:chgData name="Nam Le" userId="f5edd110-785b-40f8-8ae8-8aac6ac898db" providerId="ADAL" clId="{3A4AD891-9489-4BD6-88B8-A667CA7F5A11}" dt="2023-02-22T10:38:36.811" v="3167" actId="478"/>
          <ac:spMkLst>
            <pc:docMk/>
            <pc:sldMk cId="2767853665" sldId="1393"/>
            <ac:spMk id="11" creationId="{920D61C2-CE0D-11DD-688D-9E1761675AF3}"/>
          </ac:spMkLst>
        </pc:spChg>
        <pc:spChg chg="del">
          <ac:chgData name="Nam Le" userId="f5edd110-785b-40f8-8ae8-8aac6ac898db" providerId="ADAL" clId="{3A4AD891-9489-4BD6-88B8-A667CA7F5A11}" dt="2023-02-23T02:46:12.858" v="4669" actId="478"/>
          <ac:spMkLst>
            <pc:docMk/>
            <pc:sldMk cId="2767853665" sldId="1393"/>
            <ac:spMk id="67" creationId="{FBF029C3-535F-15AC-B5B7-7EC45A0AD88F}"/>
          </ac:spMkLst>
        </pc:spChg>
        <pc:picChg chg="mod">
          <ac:chgData name="Nam Le" userId="f5edd110-785b-40f8-8ae8-8aac6ac898db" providerId="ADAL" clId="{3A4AD891-9489-4BD6-88B8-A667CA7F5A11}" dt="2023-02-23T02:52:21.691" v="5278" actId="14100"/>
          <ac:picMkLst>
            <pc:docMk/>
            <pc:sldMk cId="2767853665" sldId="1393"/>
            <ac:picMk id="66" creationId="{2556FF3D-F599-CE9D-15F1-C8F3597F2C00}"/>
          </ac:picMkLst>
        </pc:picChg>
      </pc:sldChg>
      <pc:sldChg chg="addSp delSp modSp add mod ord">
        <pc:chgData name="Nam Le" userId="f5edd110-785b-40f8-8ae8-8aac6ac898db" providerId="ADAL" clId="{3A4AD891-9489-4BD6-88B8-A667CA7F5A11}" dt="2023-02-23T03:30:39.229" v="7739" actId="20577"/>
        <pc:sldMkLst>
          <pc:docMk/>
          <pc:sldMk cId="1861739020" sldId="1394"/>
        </pc:sldMkLst>
        <pc:spChg chg="add del">
          <ac:chgData name="Nam Le" userId="f5edd110-785b-40f8-8ae8-8aac6ac898db" providerId="ADAL" clId="{3A4AD891-9489-4BD6-88B8-A667CA7F5A11}" dt="2023-02-22T10:30:36.824" v="3024" actId="478"/>
          <ac:spMkLst>
            <pc:docMk/>
            <pc:sldMk cId="1861739020" sldId="1394"/>
            <ac:spMk id="2" creationId="{2E5FD932-A106-66A1-9A00-C73353FDD792}"/>
          </ac:spMkLst>
        </pc:spChg>
        <pc:spChg chg="mod">
          <ac:chgData name="Nam Le" userId="f5edd110-785b-40f8-8ae8-8aac6ac898db" providerId="ADAL" clId="{3A4AD891-9489-4BD6-88B8-A667CA7F5A11}" dt="2023-02-22T10:29:53.638" v="3021" actId="20577"/>
          <ac:spMkLst>
            <pc:docMk/>
            <pc:sldMk cId="1861739020" sldId="1394"/>
            <ac:spMk id="4" creationId="{B874381D-3683-E1CA-4051-FAF5437746BA}"/>
          </ac:spMkLst>
        </pc:spChg>
        <pc:spChg chg="add mod">
          <ac:chgData name="Nam Le" userId="f5edd110-785b-40f8-8ae8-8aac6ac898db" providerId="ADAL" clId="{3A4AD891-9489-4BD6-88B8-A667CA7F5A11}" dt="2023-02-23T03:30:39.229" v="7739" actId="20577"/>
          <ac:spMkLst>
            <pc:docMk/>
            <pc:sldMk cId="1861739020" sldId="1394"/>
            <ac:spMk id="6" creationId="{8B808231-65EF-52C9-A7DF-F56B466A0D43}"/>
          </ac:spMkLst>
        </pc:spChg>
        <pc:spChg chg="add mod">
          <ac:chgData name="Nam Le" userId="f5edd110-785b-40f8-8ae8-8aac6ac898db" providerId="ADAL" clId="{3A4AD891-9489-4BD6-88B8-A667CA7F5A11}" dt="2023-02-23T02:46:02.040" v="4668" actId="1076"/>
          <ac:spMkLst>
            <pc:docMk/>
            <pc:sldMk cId="1861739020" sldId="1394"/>
            <ac:spMk id="8" creationId="{29FB4182-B8AB-4438-5E07-FEA3D4A6F6B1}"/>
          </ac:spMkLst>
        </pc:spChg>
        <pc:spChg chg="add mod">
          <ac:chgData name="Nam Le" userId="f5edd110-785b-40f8-8ae8-8aac6ac898db" providerId="ADAL" clId="{3A4AD891-9489-4BD6-88B8-A667CA7F5A11}" dt="2023-02-22T10:31:19.098" v="3085" actId="20577"/>
          <ac:spMkLst>
            <pc:docMk/>
            <pc:sldMk cId="1861739020" sldId="1394"/>
            <ac:spMk id="10" creationId="{913F24D6-61D7-9095-D3BD-99A74A38C32E}"/>
          </ac:spMkLst>
        </pc:spChg>
        <pc:spChg chg="add">
          <ac:chgData name="Nam Le" userId="f5edd110-785b-40f8-8ae8-8aac6ac898db" providerId="ADAL" clId="{3A4AD891-9489-4BD6-88B8-A667CA7F5A11}" dt="2023-02-22T10:31:24.954" v="3086" actId="11529"/>
          <ac:spMkLst>
            <pc:docMk/>
            <pc:sldMk cId="1861739020" sldId="1394"/>
            <ac:spMk id="11" creationId="{3DAAF1F0-5E3D-B697-1E67-853A9A7908E4}"/>
          </ac:spMkLst>
        </pc:spChg>
        <pc:spChg chg="add mod">
          <ac:chgData name="Nam Le" userId="f5edd110-785b-40f8-8ae8-8aac6ac898db" providerId="ADAL" clId="{3A4AD891-9489-4BD6-88B8-A667CA7F5A11}" dt="2023-02-23T03:30:26.860" v="7729" actId="20577"/>
          <ac:spMkLst>
            <pc:docMk/>
            <pc:sldMk cId="1861739020" sldId="1394"/>
            <ac:spMk id="13" creationId="{F9BD4387-5B8A-82DF-7605-8EB4358C68B8}"/>
          </ac:spMkLst>
        </pc:spChg>
        <pc:spChg chg="add mod">
          <ac:chgData name="Nam Le" userId="f5edd110-785b-40f8-8ae8-8aac6ac898db" providerId="ADAL" clId="{3A4AD891-9489-4BD6-88B8-A667CA7F5A11}" dt="2023-02-22T10:31:35.611" v="3090" actId="1076"/>
          <ac:spMkLst>
            <pc:docMk/>
            <pc:sldMk cId="1861739020" sldId="1394"/>
            <ac:spMk id="14" creationId="{9AC95748-7D85-594D-1AC9-116F60D984E6}"/>
          </ac:spMkLst>
        </pc:spChg>
        <pc:spChg chg="mod">
          <ac:chgData name="Nam Le" userId="f5edd110-785b-40f8-8ae8-8aac6ac898db" providerId="ADAL" clId="{3A4AD891-9489-4BD6-88B8-A667CA7F5A11}" dt="2023-02-23T03:30:29.912" v="7736" actId="20577"/>
          <ac:spMkLst>
            <pc:docMk/>
            <pc:sldMk cId="1861739020" sldId="1394"/>
            <ac:spMk id="15" creationId="{7A3DB163-406D-64FD-400E-EC0436439904}"/>
          </ac:spMkLst>
        </pc:spChg>
        <pc:graphicFrameChg chg="mod">
          <ac:chgData name="Nam Le" userId="f5edd110-785b-40f8-8ae8-8aac6ac898db" providerId="ADAL" clId="{3A4AD891-9489-4BD6-88B8-A667CA7F5A11}" dt="2023-02-22T10:30:28.191" v="3022" actId="1076"/>
          <ac:graphicFrameMkLst>
            <pc:docMk/>
            <pc:sldMk cId="1861739020" sldId="1394"/>
            <ac:graphicFrameMk id="9" creationId="{CE9D1DFF-3FA5-7ABB-E9BB-C4AFACB2F4A7}"/>
          </ac:graphicFrameMkLst>
        </pc:graphicFrameChg>
        <pc:cxnChg chg="add mod">
          <ac:chgData name="Nam Le" userId="f5edd110-785b-40f8-8ae8-8aac6ac898db" providerId="ADAL" clId="{3A4AD891-9489-4BD6-88B8-A667CA7F5A11}" dt="2023-02-23T02:46:00.008" v="4667" actId="1076"/>
          <ac:cxnSpMkLst>
            <pc:docMk/>
            <pc:sldMk cId="1861739020" sldId="1394"/>
            <ac:cxnSpMk id="7" creationId="{33BDBA61-3773-4612-0223-00703D8276B8}"/>
          </ac:cxnSpMkLst>
        </pc:cxnChg>
      </pc:sldChg>
      <pc:sldChg chg="modSp add mod">
        <pc:chgData name="Nam Le" userId="f5edd110-785b-40f8-8ae8-8aac6ac898db" providerId="ADAL" clId="{3A4AD891-9489-4BD6-88B8-A667CA7F5A11}" dt="2023-02-22T05:08:04.585" v="2560" actId="20577"/>
        <pc:sldMkLst>
          <pc:docMk/>
          <pc:sldMk cId="1176883725" sldId="1395"/>
        </pc:sldMkLst>
        <pc:spChg chg="mod">
          <ac:chgData name="Nam Le" userId="f5edd110-785b-40f8-8ae8-8aac6ac898db" providerId="ADAL" clId="{3A4AD891-9489-4BD6-88B8-A667CA7F5A11}" dt="2023-02-22T05:08:04.585" v="2560" actId="20577"/>
          <ac:spMkLst>
            <pc:docMk/>
            <pc:sldMk cId="1176883725" sldId="1395"/>
            <ac:spMk id="4" creationId="{B874381D-3683-E1CA-4051-FAF5437746BA}"/>
          </ac:spMkLst>
        </pc:spChg>
      </pc:sldChg>
      <pc:sldChg chg="addSp delSp modSp add mod">
        <pc:chgData name="Nam Le" userId="f5edd110-785b-40f8-8ae8-8aac6ac898db" providerId="ADAL" clId="{3A4AD891-9489-4BD6-88B8-A667CA7F5A11}" dt="2023-02-23T03:29:54.888" v="7716" actId="1076"/>
        <pc:sldMkLst>
          <pc:docMk/>
          <pc:sldMk cId="1317732811" sldId="1396"/>
        </pc:sldMkLst>
        <pc:spChg chg="add mod">
          <ac:chgData name="Nam Le" userId="f5edd110-785b-40f8-8ae8-8aac6ac898db" providerId="ADAL" clId="{3A4AD891-9489-4BD6-88B8-A667CA7F5A11}" dt="2023-02-23T03:01:12.058" v="6381" actId="14100"/>
          <ac:spMkLst>
            <pc:docMk/>
            <pc:sldMk cId="1317732811" sldId="1396"/>
            <ac:spMk id="2" creationId="{B2FAB9AA-5BAE-F6A6-9D28-EED220B04F7B}"/>
          </ac:spMkLst>
        </pc:spChg>
        <pc:spChg chg="mod">
          <ac:chgData name="Nam Le" userId="f5edd110-785b-40f8-8ae8-8aac6ac898db" providerId="ADAL" clId="{3A4AD891-9489-4BD6-88B8-A667CA7F5A11}" dt="2023-02-22T05:10:50.863" v="2791" actId="14100"/>
          <ac:spMkLst>
            <pc:docMk/>
            <pc:sldMk cId="1317732811" sldId="1396"/>
            <ac:spMk id="4" creationId="{B874381D-3683-E1CA-4051-FAF5437746BA}"/>
          </ac:spMkLst>
        </pc:spChg>
        <pc:spChg chg="add mod">
          <ac:chgData name="Nam Le" userId="f5edd110-785b-40f8-8ae8-8aac6ac898db" providerId="ADAL" clId="{3A4AD891-9489-4BD6-88B8-A667CA7F5A11}" dt="2023-02-23T03:03:59.558" v="6855" actId="20577"/>
          <ac:spMkLst>
            <pc:docMk/>
            <pc:sldMk cId="1317732811" sldId="1396"/>
            <ac:spMk id="7" creationId="{41E6CD53-3AD8-7ACB-AC2A-FB40E8FAFD8F}"/>
          </ac:spMkLst>
        </pc:spChg>
        <pc:spChg chg="del">
          <ac:chgData name="Nam Le" userId="f5edd110-785b-40f8-8ae8-8aac6ac898db" providerId="ADAL" clId="{3A4AD891-9489-4BD6-88B8-A667CA7F5A11}" dt="2023-02-22T10:44:29.445" v="3175" actId="478"/>
          <ac:spMkLst>
            <pc:docMk/>
            <pc:sldMk cId="1317732811" sldId="1396"/>
            <ac:spMk id="38" creationId="{7FA6B71F-AB95-07F7-8ABB-1154EFD1158F}"/>
          </ac:spMkLst>
        </pc:spChg>
        <pc:grpChg chg="del">
          <ac:chgData name="Nam Le" userId="f5edd110-785b-40f8-8ae8-8aac6ac898db" providerId="ADAL" clId="{3A4AD891-9489-4BD6-88B8-A667CA7F5A11}" dt="2023-02-22T10:44:27.424" v="3174" actId="478"/>
          <ac:grpSpMkLst>
            <pc:docMk/>
            <pc:sldMk cId="1317732811" sldId="1396"/>
            <ac:grpSpMk id="37" creationId="{1A261D87-0BD7-7347-99FB-A15A61FE46D2}"/>
          </ac:grpSpMkLst>
        </pc:grpChg>
        <pc:picChg chg="mod">
          <ac:chgData name="Nam Le" userId="f5edd110-785b-40f8-8ae8-8aac6ac898db" providerId="ADAL" clId="{3A4AD891-9489-4BD6-88B8-A667CA7F5A11}" dt="2023-02-23T03:29:54.888" v="7716" actId="1076"/>
          <ac:picMkLst>
            <pc:docMk/>
            <pc:sldMk cId="1317732811" sldId="1396"/>
            <ac:picMk id="5" creationId="{527B0788-FF6A-E688-BF35-4B1FCF4B5E6E}"/>
          </ac:picMkLst>
        </pc:picChg>
        <pc:picChg chg="mod">
          <ac:chgData name="Nam Le" userId="f5edd110-785b-40f8-8ae8-8aac6ac898db" providerId="ADAL" clId="{3A4AD891-9489-4BD6-88B8-A667CA7F5A11}" dt="2023-02-23T03:01:24.409" v="6385" actId="1076"/>
          <ac:picMkLst>
            <pc:docMk/>
            <pc:sldMk cId="1317732811" sldId="1396"/>
            <ac:picMk id="35" creationId="{F8E5A4C8-D18B-F41B-5642-A7787762ED4E}"/>
          </ac:picMkLst>
        </pc:picChg>
        <pc:picChg chg="mod">
          <ac:chgData name="Nam Le" userId="f5edd110-785b-40f8-8ae8-8aac6ac898db" providerId="ADAL" clId="{3A4AD891-9489-4BD6-88B8-A667CA7F5A11}" dt="2023-02-23T03:00:57.920" v="6376" actId="14100"/>
          <ac:picMkLst>
            <pc:docMk/>
            <pc:sldMk cId="1317732811" sldId="1396"/>
            <ac:picMk id="36" creationId="{FE999D21-9984-7274-A212-BC58304C1CFA}"/>
          </ac:picMkLst>
        </pc:picChg>
        <pc:cxnChg chg="add">
          <ac:chgData name="Nam Le" userId="f5edd110-785b-40f8-8ae8-8aac6ac898db" providerId="ADAL" clId="{3A4AD891-9489-4BD6-88B8-A667CA7F5A11}" dt="2023-02-23T03:01:35.512" v="6386" actId="11529"/>
          <ac:cxnSpMkLst>
            <pc:docMk/>
            <pc:sldMk cId="1317732811" sldId="1396"/>
            <ac:cxnSpMk id="6" creationId="{C30FEFB1-9BAF-FB8C-F918-1A7577C6108C}"/>
          </ac:cxnSpMkLst>
        </pc:cxnChg>
      </pc:sldChg>
      <pc:sldChg chg="addSp modSp add mod">
        <pc:chgData name="Nam Le" userId="f5edd110-785b-40f8-8ae8-8aac6ac898db" providerId="ADAL" clId="{3A4AD891-9489-4BD6-88B8-A667CA7F5A11}" dt="2023-02-23T02:54:55.257" v="5731" actId="14100"/>
        <pc:sldMkLst>
          <pc:docMk/>
          <pc:sldMk cId="50622250" sldId="1397"/>
        </pc:sldMkLst>
        <pc:spChg chg="add mod">
          <ac:chgData name="Nam Le" userId="f5edd110-785b-40f8-8ae8-8aac6ac898db" providerId="ADAL" clId="{3A4AD891-9489-4BD6-88B8-A667CA7F5A11}" dt="2023-02-23T02:54:52.496" v="5730" actId="14100"/>
          <ac:spMkLst>
            <pc:docMk/>
            <pc:sldMk cId="50622250" sldId="1397"/>
            <ac:spMk id="3" creationId="{5D4A68E5-8E31-A09C-70D9-A0466B66E6E6}"/>
          </ac:spMkLst>
        </pc:spChg>
        <pc:spChg chg="mod">
          <ac:chgData name="Nam Le" userId="f5edd110-785b-40f8-8ae8-8aac6ac898db" providerId="ADAL" clId="{3A4AD891-9489-4BD6-88B8-A667CA7F5A11}" dt="2023-02-23T02:52:06.631" v="5275" actId="14100"/>
          <ac:spMkLst>
            <pc:docMk/>
            <pc:sldMk cId="50622250" sldId="1397"/>
            <ac:spMk id="4" creationId="{B874381D-3683-E1CA-4051-FAF5437746BA}"/>
          </ac:spMkLst>
        </pc:spChg>
        <pc:picChg chg="add mod">
          <ac:chgData name="Nam Le" userId="f5edd110-785b-40f8-8ae8-8aac6ac898db" providerId="ADAL" clId="{3A4AD891-9489-4BD6-88B8-A667CA7F5A11}" dt="2023-02-23T02:54:55.257" v="5731" actId="14100"/>
          <ac:picMkLst>
            <pc:docMk/>
            <pc:sldMk cId="50622250" sldId="1397"/>
            <ac:picMk id="2" creationId="{96EFCDB9-B912-6275-8B29-954765D6E37F}"/>
          </ac:picMkLst>
        </pc:picChg>
      </pc:sldChg>
      <pc:sldChg chg="addSp delSp modSp add mod">
        <pc:chgData name="Nam Le" userId="f5edd110-785b-40f8-8ae8-8aac6ac898db" providerId="ADAL" clId="{3A4AD891-9489-4BD6-88B8-A667CA7F5A11}" dt="2023-02-23T03:27:48.449" v="7714" actId="478"/>
        <pc:sldMkLst>
          <pc:docMk/>
          <pc:sldMk cId="1474999358" sldId="1398"/>
        </pc:sldMkLst>
        <pc:spChg chg="add mod">
          <ac:chgData name="Nam Le" userId="f5edd110-785b-40f8-8ae8-8aac6ac898db" providerId="ADAL" clId="{3A4AD891-9489-4BD6-88B8-A667CA7F5A11}" dt="2023-02-23T03:19:27.553" v="7363" actId="20577"/>
          <ac:spMkLst>
            <pc:docMk/>
            <pc:sldMk cId="1474999358" sldId="1398"/>
            <ac:spMk id="3" creationId="{C2865D8D-E213-4B34-8605-D3AA8F9E88A3}"/>
          </ac:spMkLst>
        </pc:spChg>
        <pc:spChg chg="mod">
          <ac:chgData name="Nam Le" userId="f5edd110-785b-40f8-8ae8-8aac6ac898db" providerId="ADAL" clId="{3A4AD891-9489-4BD6-88B8-A667CA7F5A11}" dt="2023-02-22T05:12:11.114" v="2921" actId="14100"/>
          <ac:spMkLst>
            <pc:docMk/>
            <pc:sldMk cId="1474999358" sldId="1398"/>
            <ac:spMk id="4" creationId="{B874381D-3683-E1CA-4051-FAF5437746BA}"/>
          </ac:spMkLst>
        </pc:spChg>
        <pc:spChg chg="add mod">
          <ac:chgData name="Nam Le" userId="f5edd110-785b-40f8-8ae8-8aac6ac898db" providerId="ADAL" clId="{3A4AD891-9489-4BD6-88B8-A667CA7F5A11}" dt="2023-02-23T03:16:01.507" v="7190" actId="12"/>
          <ac:spMkLst>
            <pc:docMk/>
            <pc:sldMk cId="1474999358" sldId="1398"/>
            <ac:spMk id="7" creationId="{660187C6-DDF0-EC5F-B023-FD854F8A1411}"/>
          </ac:spMkLst>
        </pc:spChg>
        <pc:spChg chg="add mod">
          <ac:chgData name="Nam Le" userId="f5edd110-785b-40f8-8ae8-8aac6ac898db" providerId="ADAL" clId="{3A4AD891-9489-4BD6-88B8-A667CA7F5A11}" dt="2023-02-23T03:17:59.895" v="7197"/>
          <ac:spMkLst>
            <pc:docMk/>
            <pc:sldMk cId="1474999358" sldId="1398"/>
            <ac:spMk id="8" creationId="{854FD3E5-9B9D-3A68-571C-5EF42EAAEEAC}"/>
          </ac:spMkLst>
        </pc:spChg>
        <pc:spChg chg="add del mod">
          <ac:chgData name="Nam Le" userId="f5edd110-785b-40f8-8ae8-8aac6ac898db" providerId="ADAL" clId="{3A4AD891-9489-4BD6-88B8-A667CA7F5A11}" dt="2023-02-23T03:18:02.550" v="7198" actId="478"/>
          <ac:spMkLst>
            <pc:docMk/>
            <pc:sldMk cId="1474999358" sldId="1398"/>
            <ac:spMk id="9" creationId="{A19A1B61-90F1-5165-BEEF-CF5AFC3405AC}"/>
          </ac:spMkLst>
        </pc:spChg>
        <pc:picChg chg="add mod">
          <ac:chgData name="Nam Le" userId="f5edd110-785b-40f8-8ae8-8aac6ac898db" providerId="ADAL" clId="{3A4AD891-9489-4BD6-88B8-A667CA7F5A11}" dt="2023-02-23T03:13:46.222" v="6884" actId="1076"/>
          <ac:picMkLst>
            <pc:docMk/>
            <pc:sldMk cId="1474999358" sldId="1398"/>
            <ac:picMk id="6" creationId="{D2AE06F5-A4DC-7F0B-8925-4744A18D6D1A}"/>
          </ac:picMkLst>
        </pc:picChg>
        <pc:picChg chg="add mod">
          <ac:chgData name="Nam Le" userId="f5edd110-785b-40f8-8ae8-8aac6ac898db" providerId="ADAL" clId="{3A4AD891-9489-4BD6-88B8-A667CA7F5A11}" dt="2023-02-23T03:18:16.249" v="7201" actId="14100"/>
          <ac:picMkLst>
            <pc:docMk/>
            <pc:sldMk cId="1474999358" sldId="1398"/>
            <ac:picMk id="1026" creationId="{AE4B01CC-378C-50F2-C0BA-9598B14207BE}"/>
          </ac:picMkLst>
        </pc:picChg>
        <pc:picChg chg="add mod">
          <ac:chgData name="Nam Le" userId="f5edd110-785b-40f8-8ae8-8aac6ac898db" providerId="ADAL" clId="{3A4AD891-9489-4BD6-88B8-A667CA7F5A11}" dt="2023-02-23T03:18:17.728" v="7202" actId="1076"/>
          <ac:picMkLst>
            <pc:docMk/>
            <pc:sldMk cId="1474999358" sldId="1398"/>
            <ac:picMk id="1028" creationId="{F13622E9-C635-1DBE-B0C9-DF4693700E66}"/>
          </ac:picMkLst>
        </pc:picChg>
        <pc:cxnChg chg="del">
          <ac:chgData name="Nam Le" userId="f5edd110-785b-40f8-8ae8-8aac6ac898db" providerId="ADAL" clId="{3A4AD891-9489-4BD6-88B8-A667CA7F5A11}" dt="2023-02-23T03:27:46.591" v="7713" actId="478"/>
          <ac:cxnSpMkLst>
            <pc:docMk/>
            <pc:sldMk cId="1474999358" sldId="1398"/>
            <ac:cxnSpMk id="12" creationId="{E491CAEF-7453-0D16-C74A-DE0D4D9CE8C6}"/>
          </ac:cxnSpMkLst>
        </pc:cxnChg>
        <pc:cxnChg chg="del">
          <ac:chgData name="Nam Le" userId="f5edd110-785b-40f8-8ae8-8aac6ac898db" providerId="ADAL" clId="{3A4AD891-9489-4BD6-88B8-A667CA7F5A11}" dt="2023-02-23T03:27:46.591" v="7713" actId="478"/>
          <ac:cxnSpMkLst>
            <pc:docMk/>
            <pc:sldMk cId="1474999358" sldId="1398"/>
            <ac:cxnSpMk id="17" creationId="{3C0A6619-340F-7CB3-DDA4-16B9BADE4D48}"/>
          </ac:cxnSpMkLst>
        </pc:cxnChg>
        <pc:cxnChg chg="del">
          <ac:chgData name="Nam Le" userId="f5edd110-785b-40f8-8ae8-8aac6ac898db" providerId="ADAL" clId="{3A4AD891-9489-4BD6-88B8-A667CA7F5A11}" dt="2023-02-23T03:27:48.449" v="7714" actId="478"/>
          <ac:cxnSpMkLst>
            <pc:docMk/>
            <pc:sldMk cId="1474999358" sldId="1398"/>
            <ac:cxnSpMk id="18" creationId="{26B81832-76BE-DBB9-B98E-E7C6364BE2CB}"/>
          </ac:cxnSpMkLst>
        </pc:cxnChg>
        <pc:cxnChg chg="del">
          <ac:chgData name="Nam Le" userId="f5edd110-785b-40f8-8ae8-8aac6ac898db" providerId="ADAL" clId="{3A4AD891-9489-4BD6-88B8-A667CA7F5A11}" dt="2023-02-23T03:27:48.449" v="7714" actId="478"/>
          <ac:cxnSpMkLst>
            <pc:docMk/>
            <pc:sldMk cId="1474999358" sldId="1398"/>
            <ac:cxnSpMk id="21" creationId="{BC16FFB4-5FE7-BB3F-82DB-3D3C4AC315EA}"/>
          </ac:cxnSpMkLst>
        </pc:cxnChg>
      </pc:sldChg>
      <pc:sldChg chg="addSp modSp add mod">
        <pc:chgData name="Nam Le" userId="f5edd110-785b-40f8-8ae8-8aac6ac898db" providerId="ADAL" clId="{3A4AD891-9489-4BD6-88B8-A667CA7F5A11}" dt="2023-02-23T02:58:04.531" v="6117" actId="20577"/>
        <pc:sldMkLst>
          <pc:docMk/>
          <pc:sldMk cId="38406187" sldId="1399"/>
        </pc:sldMkLst>
        <pc:spChg chg="add mod">
          <ac:chgData name="Nam Le" userId="f5edd110-785b-40f8-8ae8-8aac6ac898db" providerId="ADAL" clId="{3A4AD891-9489-4BD6-88B8-A667CA7F5A11}" dt="2023-02-23T02:58:04.531" v="6117" actId="20577"/>
          <ac:spMkLst>
            <pc:docMk/>
            <pc:sldMk cId="38406187" sldId="1399"/>
            <ac:spMk id="2" creationId="{F9145FBE-C099-0C2E-7B60-209F68144BB9}"/>
          </ac:spMkLst>
        </pc:spChg>
        <pc:spChg chg="mod">
          <ac:chgData name="Nam Le" userId="f5edd110-785b-40f8-8ae8-8aac6ac898db" providerId="ADAL" clId="{3A4AD891-9489-4BD6-88B8-A667CA7F5A11}" dt="2023-02-23T02:55:38.878" v="5770" actId="20577"/>
          <ac:spMkLst>
            <pc:docMk/>
            <pc:sldMk cId="38406187" sldId="1399"/>
            <ac:spMk id="4" creationId="{B874381D-3683-E1CA-4051-FAF5437746BA}"/>
          </ac:spMkLst>
        </pc:spChg>
        <pc:picChg chg="mod">
          <ac:chgData name="Nam Le" userId="f5edd110-785b-40f8-8ae8-8aac6ac898db" providerId="ADAL" clId="{3A4AD891-9489-4BD6-88B8-A667CA7F5A11}" dt="2023-02-23T02:55:09.319" v="5734" actId="14100"/>
          <ac:picMkLst>
            <pc:docMk/>
            <pc:sldMk cId="38406187" sldId="1399"/>
            <ac:picMk id="6" creationId="{ACFBDBD8-0B7F-E528-0086-DF70FB7C0038}"/>
          </ac:picMkLst>
        </pc:picChg>
      </pc:sldChg>
      <pc:sldChg chg="addSp delSp modSp add mod">
        <pc:chgData name="Nam Le" userId="f5edd110-785b-40f8-8ae8-8aac6ac898db" providerId="ADAL" clId="{3A4AD891-9489-4BD6-88B8-A667CA7F5A11}" dt="2023-02-23T03:22:17.309" v="7640" actId="20577"/>
        <pc:sldMkLst>
          <pc:docMk/>
          <pc:sldMk cId="4229735333" sldId="1400"/>
        </pc:sldMkLst>
        <pc:spChg chg="add mod">
          <ac:chgData name="Nam Le" userId="f5edd110-785b-40f8-8ae8-8aac6ac898db" providerId="ADAL" clId="{3A4AD891-9489-4BD6-88B8-A667CA7F5A11}" dt="2023-02-23T03:22:17.309" v="7640" actId="20577"/>
          <ac:spMkLst>
            <pc:docMk/>
            <pc:sldMk cId="4229735333" sldId="1400"/>
            <ac:spMk id="2" creationId="{2C6EC7E0-D896-9875-7F2E-C071527E77E1}"/>
          </ac:spMkLst>
        </pc:spChg>
        <pc:spChg chg="add del">
          <ac:chgData name="Nam Le" userId="f5edd110-785b-40f8-8ae8-8aac6ac898db" providerId="ADAL" clId="{3A4AD891-9489-4BD6-88B8-A667CA7F5A11}" dt="2023-02-22T05:21:48.519" v="2945" actId="478"/>
          <ac:spMkLst>
            <pc:docMk/>
            <pc:sldMk cId="4229735333" sldId="1400"/>
            <ac:spMk id="3" creationId="{E11F65F5-26E9-59B1-33C8-286CFE39820A}"/>
          </ac:spMkLst>
        </pc:spChg>
        <pc:spChg chg="mod">
          <ac:chgData name="Nam Le" userId="f5edd110-785b-40f8-8ae8-8aac6ac898db" providerId="ADAL" clId="{3A4AD891-9489-4BD6-88B8-A667CA7F5A11}" dt="2023-02-22T05:16:02.356" v="2939" actId="20577"/>
          <ac:spMkLst>
            <pc:docMk/>
            <pc:sldMk cId="4229735333" sldId="1400"/>
            <ac:spMk id="4" creationId="{B874381D-3683-E1CA-4051-FAF5437746BA}"/>
          </ac:spMkLst>
        </pc:spChg>
        <pc:spChg chg="add mod">
          <ac:chgData name="Nam Le" userId="f5edd110-785b-40f8-8ae8-8aac6ac898db" providerId="ADAL" clId="{3A4AD891-9489-4BD6-88B8-A667CA7F5A11}" dt="2023-02-22T05:23:01.310" v="2953" actId="1076"/>
          <ac:spMkLst>
            <pc:docMk/>
            <pc:sldMk cId="4229735333" sldId="1400"/>
            <ac:spMk id="5" creationId="{B7303E10-2612-F775-AB70-90CA79ED0690}"/>
          </ac:spMkLst>
        </pc:spChg>
        <pc:spChg chg="add mod">
          <ac:chgData name="Nam Le" userId="f5edd110-785b-40f8-8ae8-8aac6ac898db" providerId="ADAL" clId="{3A4AD891-9489-4BD6-88B8-A667CA7F5A11}" dt="2023-02-22T05:23:01.310" v="2953" actId="1076"/>
          <ac:spMkLst>
            <pc:docMk/>
            <pc:sldMk cId="4229735333" sldId="1400"/>
            <ac:spMk id="6" creationId="{F5C0EAE2-B422-83F5-1843-06FF59EF4FCD}"/>
          </ac:spMkLst>
        </pc:spChg>
        <pc:spChg chg="add mod">
          <ac:chgData name="Nam Le" userId="f5edd110-785b-40f8-8ae8-8aac6ac898db" providerId="ADAL" clId="{3A4AD891-9489-4BD6-88B8-A667CA7F5A11}" dt="2023-02-22T05:23:01.310" v="2953" actId="1076"/>
          <ac:spMkLst>
            <pc:docMk/>
            <pc:sldMk cId="4229735333" sldId="1400"/>
            <ac:spMk id="7" creationId="{97243DF4-76CF-AD4B-2CE9-1E6BB39BB6A4}"/>
          </ac:spMkLst>
        </pc:spChg>
        <pc:spChg chg="add mod">
          <ac:chgData name="Nam Le" userId="f5edd110-785b-40f8-8ae8-8aac6ac898db" providerId="ADAL" clId="{3A4AD891-9489-4BD6-88B8-A667CA7F5A11}" dt="2023-02-22T05:23:01.310" v="2953" actId="1076"/>
          <ac:spMkLst>
            <pc:docMk/>
            <pc:sldMk cId="4229735333" sldId="1400"/>
            <ac:spMk id="8" creationId="{CD8B3B17-15DE-A2E0-4865-EBC83EEE6426}"/>
          </ac:spMkLst>
        </pc:spChg>
        <pc:spChg chg="mod">
          <ac:chgData name="Nam Le" userId="f5edd110-785b-40f8-8ae8-8aac6ac898db" providerId="ADAL" clId="{3A4AD891-9489-4BD6-88B8-A667CA7F5A11}" dt="2023-02-23T03:20:40.955" v="7397" actId="1038"/>
          <ac:spMkLst>
            <pc:docMk/>
            <pc:sldMk cId="4229735333" sldId="1400"/>
            <ac:spMk id="76" creationId="{65888A9F-0688-EE6D-14A1-69A2DD38D3F9}"/>
          </ac:spMkLst>
        </pc:spChg>
        <pc:spChg chg="mod">
          <ac:chgData name="Nam Le" userId="f5edd110-785b-40f8-8ae8-8aac6ac898db" providerId="ADAL" clId="{3A4AD891-9489-4BD6-88B8-A667CA7F5A11}" dt="2023-02-23T03:20:40.955" v="7397" actId="1038"/>
          <ac:spMkLst>
            <pc:docMk/>
            <pc:sldMk cId="4229735333" sldId="1400"/>
            <ac:spMk id="77" creationId="{5997A634-4ACC-865C-2EB8-36A3E788C40C}"/>
          </ac:spMkLst>
        </pc:spChg>
        <pc:spChg chg="mod">
          <ac:chgData name="Nam Le" userId="f5edd110-785b-40f8-8ae8-8aac6ac898db" providerId="ADAL" clId="{3A4AD891-9489-4BD6-88B8-A667CA7F5A11}" dt="2023-02-23T03:20:40.955" v="7397" actId="1038"/>
          <ac:spMkLst>
            <pc:docMk/>
            <pc:sldMk cId="4229735333" sldId="1400"/>
            <ac:spMk id="78" creationId="{29E22350-4B10-7E2D-4CB2-89FAFA1DFC76}"/>
          </ac:spMkLst>
        </pc:spChg>
        <pc:spChg chg="mod">
          <ac:chgData name="Nam Le" userId="f5edd110-785b-40f8-8ae8-8aac6ac898db" providerId="ADAL" clId="{3A4AD891-9489-4BD6-88B8-A667CA7F5A11}" dt="2023-02-23T03:20:40.955" v="7397" actId="1038"/>
          <ac:spMkLst>
            <pc:docMk/>
            <pc:sldMk cId="4229735333" sldId="1400"/>
            <ac:spMk id="79" creationId="{AC355441-5F1D-0C28-ACE1-0FD237C4FADF}"/>
          </ac:spMkLst>
        </pc:spChg>
        <pc:spChg chg="mod">
          <ac:chgData name="Nam Le" userId="f5edd110-785b-40f8-8ae8-8aac6ac898db" providerId="ADAL" clId="{3A4AD891-9489-4BD6-88B8-A667CA7F5A11}" dt="2023-02-23T03:20:40.955" v="7397" actId="1038"/>
          <ac:spMkLst>
            <pc:docMk/>
            <pc:sldMk cId="4229735333" sldId="1400"/>
            <ac:spMk id="80" creationId="{2FA916F6-9F02-7EF1-12A4-625E2B5AE71C}"/>
          </ac:spMkLst>
        </pc:spChg>
        <pc:spChg chg="mod">
          <ac:chgData name="Nam Le" userId="f5edd110-785b-40f8-8ae8-8aac6ac898db" providerId="ADAL" clId="{3A4AD891-9489-4BD6-88B8-A667CA7F5A11}" dt="2023-02-23T03:20:40.955" v="7397" actId="1038"/>
          <ac:spMkLst>
            <pc:docMk/>
            <pc:sldMk cId="4229735333" sldId="1400"/>
            <ac:spMk id="81" creationId="{036E5D37-7857-0664-37AE-58F3E2364B39}"/>
          </ac:spMkLst>
        </pc:spChg>
        <pc:spChg chg="mod">
          <ac:chgData name="Nam Le" userId="f5edd110-785b-40f8-8ae8-8aac6ac898db" providerId="ADAL" clId="{3A4AD891-9489-4BD6-88B8-A667CA7F5A11}" dt="2023-02-23T03:20:40.955" v="7397" actId="1038"/>
          <ac:spMkLst>
            <pc:docMk/>
            <pc:sldMk cId="4229735333" sldId="1400"/>
            <ac:spMk id="82" creationId="{BC3BEC23-984A-4069-407C-55807519964B}"/>
          </ac:spMkLst>
        </pc:spChg>
        <pc:spChg chg="mod">
          <ac:chgData name="Nam Le" userId="f5edd110-785b-40f8-8ae8-8aac6ac898db" providerId="ADAL" clId="{3A4AD891-9489-4BD6-88B8-A667CA7F5A11}" dt="2023-02-23T03:20:40.955" v="7397" actId="1038"/>
          <ac:spMkLst>
            <pc:docMk/>
            <pc:sldMk cId="4229735333" sldId="1400"/>
            <ac:spMk id="83" creationId="{DBE5FEF9-6DF0-D48F-8D33-D034E71354A1}"/>
          </ac:spMkLst>
        </pc:spChg>
        <pc:spChg chg="mod">
          <ac:chgData name="Nam Le" userId="f5edd110-785b-40f8-8ae8-8aac6ac898db" providerId="ADAL" clId="{3A4AD891-9489-4BD6-88B8-A667CA7F5A11}" dt="2023-02-23T03:20:40.955" v="7397" actId="1038"/>
          <ac:spMkLst>
            <pc:docMk/>
            <pc:sldMk cId="4229735333" sldId="1400"/>
            <ac:spMk id="90" creationId="{0CE34CBB-BCAD-ED75-806A-4AAC9C566BD5}"/>
          </ac:spMkLst>
        </pc:spChg>
        <pc:spChg chg="mod">
          <ac:chgData name="Nam Le" userId="f5edd110-785b-40f8-8ae8-8aac6ac898db" providerId="ADAL" clId="{3A4AD891-9489-4BD6-88B8-A667CA7F5A11}" dt="2023-02-23T03:20:40.955" v="7397" actId="1038"/>
          <ac:spMkLst>
            <pc:docMk/>
            <pc:sldMk cId="4229735333" sldId="1400"/>
            <ac:spMk id="91" creationId="{D1DC94C8-CC02-162C-34A9-5FE01EDD294F}"/>
          </ac:spMkLst>
        </pc:spChg>
        <pc:spChg chg="mod">
          <ac:chgData name="Nam Le" userId="f5edd110-785b-40f8-8ae8-8aac6ac898db" providerId="ADAL" clId="{3A4AD891-9489-4BD6-88B8-A667CA7F5A11}" dt="2023-02-23T03:20:40.955" v="7397" actId="1038"/>
          <ac:spMkLst>
            <pc:docMk/>
            <pc:sldMk cId="4229735333" sldId="1400"/>
            <ac:spMk id="92" creationId="{19AAC21D-0653-697C-0ACE-D7B77EB5F8EF}"/>
          </ac:spMkLst>
        </pc:spChg>
        <pc:spChg chg="mod">
          <ac:chgData name="Nam Le" userId="f5edd110-785b-40f8-8ae8-8aac6ac898db" providerId="ADAL" clId="{3A4AD891-9489-4BD6-88B8-A667CA7F5A11}" dt="2023-02-23T03:20:40.955" v="7397" actId="1038"/>
          <ac:spMkLst>
            <pc:docMk/>
            <pc:sldMk cId="4229735333" sldId="1400"/>
            <ac:spMk id="93" creationId="{EE207625-5E48-8416-7732-89FD66142B5B}"/>
          </ac:spMkLst>
        </pc:spChg>
        <pc:spChg chg="mod">
          <ac:chgData name="Nam Le" userId="f5edd110-785b-40f8-8ae8-8aac6ac898db" providerId="ADAL" clId="{3A4AD891-9489-4BD6-88B8-A667CA7F5A11}" dt="2023-02-23T03:20:40.955" v="7397" actId="1038"/>
          <ac:spMkLst>
            <pc:docMk/>
            <pc:sldMk cId="4229735333" sldId="1400"/>
            <ac:spMk id="94" creationId="{3F30C11B-ED96-F4C5-FC27-FABA11D595F3}"/>
          </ac:spMkLst>
        </pc:spChg>
        <pc:spChg chg="mod">
          <ac:chgData name="Nam Le" userId="f5edd110-785b-40f8-8ae8-8aac6ac898db" providerId="ADAL" clId="{3A4AD891-9489-4BD6-88B8-A667CA7F5A11}" dt="2023-02-23T03:20:40.955" v="7397" actId="1038"/>
          <ac:spMkLst>
            <pc:docMk/>
            <pc:sldMk cId="4229735333" sldId="1400"/>
            <ac:spMk id="95" creationId="{50832C4C-AF0B-C412-D249-27A6DC4B6C18}"/>
          </ac:spMkLst>
        </pc:spChg>
        <pc:spChg chg="mod">
          <ac:chgData name="Nam Le" userId="f5edd110-785b-40f8-8ae8-8aac6ac898db" providerId="ADAL" clId="{3A4AD891-9489-4BD6-88B8-A667CA7F5A11}" dt="2023-02-23T03:20:40.955" v="7397" actId="1038"/>
          <ac:spMkLst>
            <pc:docMk/>
            <pc:sldMk cId="4229735333" sldId="1400"/>
            <ac:spMk id="96" creationId="{BD4CCDC4-5344-763F-0756-AB3A66425D08}"/>
          </ac:spMkLst>
        </pc:spChg>
        <pc:spChg chg="mod">
          <ac:chgData name="Nam Le" userId="f5edd110-785b-40f8-8ae8-8aac6ac898db" providerId="ADAL" clId="{3A4AD891-9489-4BD6-88B8-A667CA7F5A11}" dt="2023-02-23T03:20:40.955" v="7397" actId="1038"/>
          <ac:spMkLst>
            <pc:docMk/>
            <pc:sldMk cId="4229735333" sldId="1400"/>
            <ac:spMk id="97" creationId="{81ABFE63-93C9-50FD-B81E-209EBA75F145}"/>
          </ac:spMkLst>
        </pc:spChg>
        <pc:spChg chg="mod">
          <ac:chgData name="Nam Le" userId="f5edd110-785b-40f8-8ae8-8aac6ac898db" providerId="ADAL" clId="{3A4AD891-9489-4BD6-88B8-A667CA7F5A11}" dt="2023-02-23T03:20:40.955" v="7397" actId="1038"/>
          <ac:spMkLst>
            <pc:docMk/>
            <pc:sldMk cId="4229735333" sldId="1400"/>
            <ac:spMk id="98" creationId="{891AE534-C76F-999C-A22E-04B06ED1AC6D}"/>
          </ac:spMkLst>
        </pc:spChg>
        <pc:spChg chg="mod">
          <ac:chgData name="Nam Le" userId="f5edd110-785b-40f8-8ae8-8aac6ac898db" providerId="ADAL" clId="{3A4AD891-9489-4BD6-88B8-A667CA7F5A11}" dt="2023-02-23T03:20:40.955" v="7397" actId="1038"/>
          <ac:spMkLst>
            <pc:docMk/>
            <pc:sldMk cId="4229735333" sldId="1400"/>
            <ac:spMk id="99" creationId="{C64C8145-0A11-808B-1347-EA22BEA4B323}"/>
          </ac:spMkLst>
        </pc:spChg>
        <pc:spChg chg="mod">
          <ac:chgData name="Nam Le" userId="f5edd110-785b-40f8-8ae8-8aac6ac898db" providerId="ADAL" clId="{3A4AD891-9489-4BD6-88B8-A667CA7F5A11}" dt="2023-02-23T03:20:40.955" v="7397" actId="1038"/>
          <ac:spMkLst>
            <pc:docMk/>
            <pc:sldMk cId="4229735333" sldId="1400"/>
            <ac:spMk id="100" creationId="{7DF4C30D-C3F6-A70B-4A62-CAB3BC1516CD}"/>
          </ac:spMkLst>
        </pc:spChg>
        <pc:spChg chg="mod">
          <ac:chgData name="Nam Le" userId="f5edd110-785b-40f8-8ae8-8aac6ac898db" providerId="ADAL" clId="{3A4AD891-9489-4BD6-88B8-A667CA7F5A11}" dt="2023-02-23T03:20:40.955" v="7397" actId="1038"/>
          <ac:spMkLst>
            <pc:docMk/>
            <pc:sldMk cId="4229735333" sldId="1400"/>
            <ac:spMk id="101" creationId="{BB1ECF6D-367E-D017-04C1-A2FB0EE9A14D}"/>
          </ac:spMkLst>
        </pc:spChg>
        <pc:spChg chg="mod">
          <ac:chgData name="Nam Le" userId="f5edd110-785b-40f8-8ae8-8aac6ac898db" providerId="ADAL" clId="{3A4AD891-9489-4BD6-88B8-A667CA7F5A11}" dt="2023-02-23T03:20:40.955" v="7397" actId="1038"/>
          <ac:spMkLst>
            <pc:docMk/>
            <pc:sldMk cId="4229735333" sldId="1400"/>
            <ac:spMk id="102" creationId="{F2BD6400-E6FE-A63C-AA24-80FF1FB32379}"/>
          </ac:spMkLst>
        </pc:spChg>
        <pc:spChg chg="mod">
          <ac:chgData name="Nam Le" userId="f5edd110-785b-40f8-8ae8-8aac6ac898db" providerId="ADAL" clId="{3A4AD891-9489-4BD6-88B8-A667CA7F5A11}" dt="2023-02-23T03:20:40.955" v="7397" actId="1038"/>
          <ac:spMkLst>
            <pc:docMk/>
            <pc:sldMk cId="4229735333" sldId="1400"/>
            <ac:spMk id="103" creationId="{01F7F4A6-97D9-6158-5A9D-8B751E04EEAC}"/>
          </ac:spMkLst>
        </pc:spChg>
        <pc:spChg chg="mod">
          <ac:chgData name="Nam Le" userId="f5edd110-785b-40f8-8ae8-8aac6ac898db" providerId="ADAL" clId="{3A4AD891-9489-4BD6-88B8-A667CA7F5A11}" dt="2023-02-23T03:20:40.955" v="7397" actId="1038"/>
          <ac:spMkLst>
            <pc:docMk/>
            <pc:sldMk cId="4229735333" sldId="1400"/>
            <ac:spMk id="105" creationId="{D54E5F6D-1119-0F81-C57C-929A5B1E93E9}"/>
          </ac:spMkLst>
        </pc:spChg>
        <pc:spChg chg="mod">
          <ac:chgData name="Nam Le" userId="f5edd110-785b-40f8-8ae8-8aac6ac898db" providerId="ADAL" clId="{3A4AD891-9489-4BD6-88B8-A667CA7F5A11}" dt="2023-02-23T03:20:40.955" v="7397" actId="1038"/>
          <ac:spMkLst>
            <pc:docMk/>
            <pc:sldMk cId="4229735333" sldId="1400"/>
            <ac:spMk id="106" creationId="{42C6CA81-C4F7-C257-984D-257379E8F82E}"/>
          </ac:spMkLst>
        </pc:spChg>
        <pc:spChg chg="mod">
          <ac:chgData name="Nam Le" userId="f5edd110-785b-40f8-8ae8-8aac6ac898db" providerId="ADAL" clId="{3A4AD891-9489-4BD6-88B8-A667CA7F5A11}" dt="2023-02-23T03:20:40.955" v="7397" actId="1038"/>
          <ac:spMkLst>
            <pc:docMk/>
            <pc:sldMk cId="4229735333" sldId="1400"/>
            <ac:spMk id="107" creationId="{B0EA4FF0-0E9F-D633-53F4-D3284B4D8B62}"/>
          </ac:spMkLst>
        </pc:spChg>
        <pc:spChg chg="mod">
          <ac:chgData name="Nam Le" userId="f5edd110-785b-40f8-8ae8-8aac6ac898db" providerId="ADAL" clId="{3A4AD891-9489-4BD6-88B8-A667CA7F5A11}" dt="2023-02-23T03:20:40.955" v="7397" actId="1038"/>
          <ac:spMkLst>
            <pc:docMk/>
            <pc:sldMk cId="4229735333" sldId="1400"/>
            <ac:spMk id="108" creationId="{C799FE48-3EF9-AFAF-5908-55A8A451EC0B}"/>
          </ac:spMkLst>
        </pc:spChg>
        <pc:spChg chg="mod">
          <ac:chgData name="Nam Le" userId="f5edd110-785b-40f8-8ae8-8aac6ac898db" providerId="ADAL" clId="{3A4AD891-9489-4BD6-88B8-A667CA7F5A11}" dt="2023-02-23T03:20:40.955" v="7397" actId="1038"/>
          <ac:spMkLst>
            <pc:docMk/>
            <pc:sldMk cId="4229735333" sldId="1400"/>
            <ac:spMk id="109" creationId="{58FEED82-0073-C582-78EC-B79ABCE1FD88}"/>
          </ac:spMkLst>
        </pc:spChg>
        <pc:spChg chg="mod">
          <ac:chgData name="Nam Le" userId="f5edd110-785b-40f8-8ae8-8aac6ac898db" providerId="ADAL" clId="{3A4AD891-9489-4BD6-88B8-A667CA7F5A11}" dt="2023-02-23T03:20:40.955" v="7397" actId="1038"/>
          <ac:spMkLst>
            <pc:docMk/>
            <pc:sldMk cId="4229735333" sldId="1400"/>
            <ac:spMk id="110" creationId="{E5EA6098-8F2F-554A-2B77-0C05CBA35D67}"/>
          </ac:spMkLst>
        </pc:spChg>
        <pc:spChg chg="mod">
          <ac:chgData name="Nam Le" userId="f5edd110-785b-40f8-8ae8-8aac6ac898db" providerId="ADAL" clId="{3A4AD891-9489-4BD6-88B8-A667CA7F5A11}" dt="2023-02-23T03:20:40.955" v="7397" actId="1038"/>
          <ac:spMkLst>
            <pc:docMk/>
            <pc:sldMk cId="4229735333" sldId="1400"/>
            <ac:spMk id="111" creationId="{EC40EA14-1FAB-7A7A-384F-8C29FADA1CBE}"/>
          </ac:spMkLst>
        </pc:spChg>
        <pc:spChg chg="mod">
          <ac:chgData name="Nam Le" userId="f5edd110-785b-40f8-8ae8-8aac6ac898db" providerId="ADAL" clId="{3A4AD891-9489-4BD6-88B8-A667CA7F5A11}" dt="2023-02-23T03:20:40.955" v="7397" actId="1038"/>
          <ac:spMkLst>
            <pc:docMk/>
            <pc:sldMk cId="4229735333" sldId="1400"/>
            <ac:spMk id="112" creationId="{3F059C51-99C8-8AEF-FC74-3124FE064CA6}"/>
          </ac:spMkLst>
        </pc:spChg>
        <pc:spChg chg="mod">
          <ac:chgData name="Nam Le" userId="f5edd110-785b-40f8-8ae8-8aac6ac898db" providerId="ADAL" clId="{3A4AD891-9489-4BD6-88B8-A667CA7F5A11}" dt="2023-02-23T03:20:40.955" v="7397" actId="1038"/>
          <ac:spMkLst>
            <pc:docMk/>
            <pc:sldMk cId="4229735333" sldId="1400"/>
            <ac:spMk id="113" creationId="{7166F045-36D1-915E-CEF7-BAD20F4A782B}"/>
          </ac:spMkLst>
        </pc:spChg>
        <pc:spChg chg="mod">
          <ac:chgData name="Nam Le" userId="f5edd110-785b-40f8-8ae8-8aac6ac898db" providerId="ADAL" clId="{3A4AD891-9489-4BD6-88B8-A667CA7F5A11}" dt="2023-02-23T03:20:40.955" v="7397" actId="1038"/>
          <ac:spMkLst>
            <pc:docMk/>
            <pc:sldMk cId="4229735333" sldId="1400"/>
            <ac:spMk id="114" creationId="{4986F675-2681-BAE7-35AE-D677B987C70B}"/>
          </ac:spMkLst>
        </pc:spChg>
        <pc:spChg chg="mod">
          <ac:chgData name="Nam Le" userId="f5edd110-785b-40f8-8ae8-8aac6ac898db" providerId="ADAL" clId="{3A4AD891-9489-4BD6-88B8-A667CA7F5A11}" dt="2023-02-23T03:20:40.955" v="7397" actId="1038"/>
          <ac:spMkLst>
            <pc:docMk/>
            <pc:sldMk cId="4229735333" sldId="1400"/>
            <ac:spMk id="115" creationId="{F02B2789-3844-7722-DA53-D89C54CEE6B8}"/>
          </ac:spMkLst>
        </pc:spChg>
        <pc:spChg chg="mod">
          <ac:chgData name="Nam Le" userId="f5edd110-785b-40f8-8ae8-8aac6ac898db" providerId="ADAL" clId="{3A4AD891-9489-4BD6-88B8-A667CA7F5A11}" dt="2023-02-23T03:20:40.955" v="7397" actId="1038"/>
          <ac:spMkLst>
            <pc:docMk/>
            <pc:sldMk cId="4229735333" sldId="1400"/>
            <ac:spMk id="116" creationId="{11BAC5C1-2E54-2228-9866-52C4AA76F942}"/>
          </ac:spMkLst>
        </pc:spChg>
        <pc:spChg chg="mod">
          <ac:chgData name="Nam Le" userId="f5edd110-785b-40f8-8ae8-8aac6ac898db" providerId="ADAL" clId="{3A4AD891-9489-4BD6-88B8-A667CA7F5A11}" dt="2023-02-23T03:20:40.955" v="7397" actId="1038"/>
          <ac:spMkLst>
            <pc:docMk/>
            <pc:sldMk cId="4229735333" sldId="1400"/>
            <ac:spMk id="117" creationId="{E6B0FE81-32FC-F4E6-564E-DC3F721EEC55}"/>
          </ac:spMkLst>
        </pc:spChg>
        <pc:spChg chg="mod">
          <ac:chgData name="Nam Le" userId="f5edd110-785b-40f8-8ae8-8aac6ac898db" providerId="ADAL" clId="{3A4AD891-9489-4BD6-88B8-A667CA7F5A11}" dt="2023-02-23T03:20:40.955" v="7397" actId="1038"/>
          <ac:spMkLst>
            <pc:docMk/>
            <pc:sldMk cId="4229735333" sldId="1400"/>
            <ac:spMk id="118" creationId="{C9E26095-B550-189B-0A09-058A130F4825}"/>
          </ac:spMkLst>
        </pc:spChg>
        <pc:spChg chg="mod">
          <ac:chgData name="Nam Le" userId="f5edd110-785b-40f8-8ae8-8aac6ac898db" providerId="ADAL" clId="{3A4AD891-9489-4BD6-88B8-A667CA7F5A11}" dt="2023-02-23T03:20:40.955" v="7397" actId="1038"/>
          <ac:spMkLst>
            <pc:docMk/>
            <pc:sldMk cId="4229735333" sldId="1400"/>
            <ac:spMk id="119" creationId="{C873968F-1BEF-2285-78C1-88D9D0D872F4}"/>
          </ac:spMkLst>
        </pc:spChg>
        <pc:spChg chg="mod">
          <ac:chgData name="Nam Le" userId="f5edd110-785b-40f8-8ae8-8aac6ac898db" providerId="ADAL" clId="{3A4AD891-9489-4BD6-88B8-A667CA7F5A11}" dt="2023-02-23T03:20:40.955" v="7397" actId="1038"/>
          <ac:spMkLst>
            <pc:docMk/>
            <pc:sldMk cId="4229735333" sldId="1400"/>
            <ac:spMk id="120" creationId="{5287E773-3636-E096-B00C-DFEFBCACF380}"/>
          </ac:spMkLst>
        </pc:spChg>
        <pc:spChg chg="mod">
          <ac:chgData name="Nam Le" userId="f5edd110-785b-40f8-8ae8-8aac6ac898db" providerId="ADAL" clId="{3A4AD891-9489-4BD6-88B8-A667CA7F5A11}" dt="2023-02-23T03:20:40.955" v="7397" actId="1038"/>
          <ac:spMkLst>
            <pc:docMk/>
            <pc:sldMk cId="4229735333" sldId="1400"/>
            <ac:spMk id="122" creationId="{41C29BDC-EEEC-8126-4AE3-2753D5CBEF66}"/>
          </ac:spMkLst>
        </pc:spChg>
        <pc:spChg chg="mod">
          <ac:chgData name="Nam Le" userId="f5edd110-785b-40f8-8ae8-8aac6ac898db" providerId="ADAL" clId="{3A4AD891-9489-4BD6-88B8-A667CA7F5A11}" dt="2023-02-23T03:20:40.955" v="7397" actId="1038"/>
          <ac:spMkLst>
            <pc:docMk/>
            <pc:sldMk cId="4229735333" sldId="1400"/>
            <ac:spMk id="123" creationId="{81933173-C7BA-33E0-1F49-19CFA20DDDE6}"/>
          </ac:spMkLst>
        </pc:spChg>
        <pc:spChg chg="mod">
          <ac:chgData name="Nam Le" userId="f5edd110-785b-40f8-8ae8-8aac6ac898db" providerId="ADAL" clId="{3A4AD891-9489-4BD6-88B8-A667CA7F5A11}" dt="2023-02-23T03:20:40.955" v="7397" actId="1038"/>
          <ac:spMkLst>
            <pc:docMk/>
            <pc:sldMk cId="4229735333" sldId="1400"/>
            <ac:spMk id="125" creationId="{7E477B82-A8BF-6725-3D0C-B3E97BCC8FD6}"/>
          </ac:spMkLst>
        </pc:spChg>
        <pc:spChg chg="mod">
          <ac:chgData name="Nam Le" userId="f5edd110-785b-40f8-8ae8-8aac6ac898db" providerId="ADAL" clId="{3A4AD891-9489-4BD6-88B8-A667CA7F5A11}" dt="2023-02-23T03:20:40.955" v="7397" actId="1038"/>
          <ac:spMkLst>
            <pc:docMk/>
            <pc:sldMk cId="4229735333" sldId="1400"/>
            <ac:spMk id="126" creationId="{38876DFF-52DE-A6A4-9A44-F430FCC44998}"/>
          </ac:spMkLst>
        </pc:spChg>
        <pc:spChg chg="mod">
          <ac:chgData name="Nam Le" userId="f5edd110-785b-40f8-8ae8-8aac6ac898db" providerId="ADAL" clId="{3A4AD891-9489-4BD6-88B8-A667CA7F5A11}" dt="2023-02-23T03:20:40.955" v="7397" actId="1038"/>
          <ac:spMkLst>
            <pc:docMk/>
            <pc:sldMk cId="4229735333" sldId="1400"/>
            <ac:spMk id="128" creationId="{B2AF7FEE-586E-CFEE-2019-2409596385ED}"/>
          </ac:spMkLst>
        </pc:spChg>
        <pc:spChg chg="mod">
          <ac:chgData name="Nam Le" userId="f5edd110-785b-40f8-8ae8-8aac6ac898db" providerId="ADAL" clId="{3A4AD891-9489-4BD6-88B8-A667CA7F5A11}" dt="2023-02-23T03:20:40.955" v="7397" actId="1038"/>
          <ac:spMkLst>
            <pc:docMk/>
            <pc:sldMk cId="4229735333" sldId="1400"/>
            <ac:spMk id="129" creationId="{780C7D38-95D0-F47F-7DE2-2C9234682455}"/>
          </ac:spMkLst>
        </pc:spChg>
        <pc:spChg chg="mod">
          <ac:chgData name="Nam Le" userId="f5edd110-785b-40f8-8ae8-8aac6ac898db" providerId="ADAL" clId="{3A4AD891-9489-4BD6-88B8-A667CA7F5A11}" dt="2023-02-23T03:20:40.955" v="7397" actId="1038"/>
          <ac:spMkLst>
            <pc:docMk/>
            <pc:sldMk cId="4229735333" sldId="1400"/>
            <ac:spMk id="130" creationId="{E02D3D48-06CE-48EB-8AB4-7A8AAC82B680}"/>
          </ac:spMkLst>
        </pc:spChg>
        <pc:spChg chg="mod">
          <ac:chgData name="Nam Le" userId="f5edd110-785b-40f8-8ae8-8aac6ac898db" providerId="ADAL" clId="{3A4AD891-9489-4BD6-88B8-A667CA7F5A11}" dt="2023-02-23T03:20:40.955" v="7397" actId="1038"/>
          <ac:spMkLst>
            <pc:docMk/>
            <pc:sldMk cId="4229735333" sldId="1400"/>
            <ac:spMk id="131" creationId="{885DDB77-6327-E559-A307-4473E974D442}"/>
          </ac:spMkLst>
        </pc:spChg>
        <pc:spChg chg="mod">
          <ac:chgData name="Nam Le" userId="f5edd110-785b-40f8-8ae8-8aac6ac898db" providerId="ADAL" clId="{3A4AD891-9489-4BD6-88B8-A667CA7F5A11}" dt="2023-02-23T03:20:40.955" v="7397" actId="1038"/>
          <ac:spMkLst>
            <pc:docMk/>
            <pc:sldMk cId="4229735333" sldId="1400"/>
            <ac:spMk id="132" creationId="{BE1C0B42-59C0-E76D-8557-A9EAE7B505B2}"/>
          </ac:spMkLst>
        </pc:spChg>
        <pc:spChg chg="mod">
          <ac:chgData name="Nam Le" userId="f5edd110-785b-40f8-8ae8-8aac6ac898db" providerId="ADAL" clId="{3A4AD891-9489-4BD6-88B8-A667CA7F5A11}" dt="2023-02-23T03:20:40.955" v="7397" actId="1038"/>
          <ac:spMkLst>
            <pc:docMk/>
            <pc:sldMk cId="4229735333" sldId="1400"/>
            <ac:spMk id="133" creationId="{A69C2875-2561-218F-FF76-E8282AC5F694}"/>
          </ac:spMkLst>
        </pc:spChg>
        <pc:spChg chg="mod">
          <ac:chgData name="Nam Le" userId="f5edd110-785b-40f8-8ae8-8aac6ac898db" providerId="ADAL" clId="{3A4AD891-9489-4BD6-88B8-A667CA7F5A11}" dt="2023-02-23T03:20:40.955" v="7397" actId="1038"/>
          <ac:spMkLst>
            <pc:docMk/>
            <pc:sldMk cId="4229735333" sldId="1400"/>
            <ac:spMk id="134" creationId="{1894BDAD-7435-FE06-B7BF-0AA24795F805}"/>
          </ac:spMkLst>
        </pc:spChg>
        <pc:spChg chg="mod">
          <ac:chgData name="Nam Le" userId="f5edd110-785b-40f8-8ae8-8aac6ac898db" providerId="ADAL" clId="{3A4AD891-9489-4BD6-88B8-A667CA7F5A11}" dt="2023-02-23T03:20:40.955" v="7397" actId="1038"/>
          <ac:spMkLst>
            <pc:docMk/>
            <pc:sldMk cId="4229735333" sldId="1400"/>
            <ac:spMk id="135" creationId="{1C8AC600-24A2-9DF7-B4E3-BCDD0B94BA29}"/>
          </ac:spMkLst>
        </pc:spChg>
        <pc:spChg chg="mod">
          <ac:chgData name="Nam Le" userId="f5edd110-785b-40f8-8ae8-8aac6ac898db" providerId="ADAL" clId="{3A4AD891-9489-4BD6-88B8-A667CA7F5A11}" dt="2023-02-23T03:20:40.955" v="7397" actId="1038"/>
          <ac:spMkLst>
            <pc:docMk/>
            <pc:sldMk cId="4229735333" sldId="1400"/>
            <ac:spMk id="137" creationId="{FA640159-173D-7E72-8C63-4040D21E4D36}"/>
          </ac:spMkLst>
        </pc:spChg>
        <pc:spChg chg="mod">
          <ac:chgData name="Nam Le" userId="f5edd110-785b-40f8-8ae8-8aac6ac898db" providerId="ADAL" clId="{3A4AD891-9489-4BD6-88B8-A667CA7F5A11}" dt="2023-02-23T03:20:40.955" v="7397" actId="1038"/>
          <ac:spMkLst>
            <pc:docMk/>
            <pc:sldMk cId="4229735333" sldId="1400"/>
            <ac:spMk id="138" creationId="{1656D67F-A3EB-391C-F0F4-6640E9A4E131}"/>
          </ac:spMkLst>
        </pc:spChg>
        <pc:spChg chg="mod">
          <ac:chgData name="Nam Le" userId="f5edd110-785b-40f8-8ae8-8aac6ac898db" providerId="ADAL" clId="{3A4AD891-9489-4BD6-88B8-A667CA7F5A11}" dt="2023-02-23T03:20:40.955" v="7397" actId="1038"/>
          <ac:spMkLst>
            <pc:docMk/>
            <pc:sldMk cId="4229735333" sldId="1400"/>
            <ac:spMk id="140" creationId="{665C2DAE-9253-8E2F-BE6C-3EA9FDFB44AE}"/>
          </ac:spMkLst>
        </pc:spChg>
        <pc:spChg chg="mod">
          <ac:chgData name="Nam Le" userId="f5edd110-785b-40f8-8ae8-8aac6ac898db" providerId="ADAL" clId="{3A4AD891-9489-4BD6-88B8-A667CA7F5A11}" dt="2023-02-23T03:20:40.955" v="7397" actId="1038"/>
          <ac:spMkLst>
            <pc:docMk/>
            <pc:sldMk cId="4229735333" sldId="1400"/>
            <ac:spMk id="141" creationId="{044860A5-C53F-931F-7801-A9C3853910FD}"/>
          </ac:spMkLst>
        </pc:spChg>
        <pc:spChg chg="del mod">
          <ac:chgData name="Nam Le" userId="f5edd110-785b-40f8-8ae8-8aac6ac898db" providerId="ADAL" clId="{3A4AD891-9489-4BD6-88B8-A667CA7F5A11}" dt="2023-02-23T03:20:44.784" v="7398" actId="478"/>
          <ac:spMkLst>
            <pc:docMk/>
            <pc:sldMk cId="4229735333" sldId="1400"/>
            <ac:spMk id="147" creationId="{60E06316-E047-020B-CB2F-3B919B4DD8DF}"/>
          </ac:spMkLst>
        </pc:spChg>
        <pc:grpChg chg="mod">
          <ac:chgData name="Nam Le" userId="f5edd110-785b-40f8-8ae8-8aac6ac898db" providerId="ADAL" clId="{3A4AD891-9489-4BD6-88B8-A667CA7F5A11}" dt="2023-02-23T03:20:40.955" v="7397" actId="1038"/>
          <ac:grpSpMkLst>
            <pc:docMk/>
            <pc:sldMk cId="4229735333" sldId="1400"/>
            <ac:grpSpMk id="146" creationId="{1E69BBEE-1215-A44C-88F1-7008DF10C745}"/>
          </ac:grpSpMkLst>
        </pc:grpChg>
        <pc:graphicFrameChg chg="add mod modGraphic">
          <ac:chgData name="Nam Le" userId="f5edd110-785b-40f8-8ae8-8aac6ac898db" providerId="ADAL" clId="{3A4AD891-9489-4BD6-88B8-A667CA7F5A11}" dt="2023-02-22T05:21:39.830" v="2943" actId="1076"/>
          <ac:graphicFrameMkLst>
            <pc:docMk/>
            <pc:sldMk cId="4229735333" sldId="1400"/>
            <ac:graphicFrameMk id="2" creationId="{207A6D4A-0CA1-A01B-1459-3212C5262413}"/>
          </ac:graphicFrameMkLst>
        </pc:graphicFrameChg>
        <pc:cxnChg chg="add mod">
          <ac:chgData name="Nam Le" userId="f5edd110-785b-40f8-8ae8-8aac6ac898db" providerId="ADAL" clId="{3A4AD891-9489-4BD6-88B8-A667CA7F5A11}" dt="2023-02-22T05:23:10.003" v="2955" actId="1076"/>
          <ac:cxnSpMkLst>
            <pc:docMk/>
            <pc:sldMk cId="4229735333" sldId="1400"/>
            <ac:cxnSpMk id="10" creationId="{51F3F50E-5E49-F877-660C-6E58F67A0736}"/>
          </ac:cxnSpMkLst>
        </pc:cxnChg>
        <pc:cxnChg chg="mod">
          <ac:chgData name="Nam Le" userId="f5edd110-785b-40f8-8ae8-8aac6ac898db" providerId="ADAL" clId="{3A4AD891-9489-4BD6-88B8-A667CA7F5A11}" dt="2023-02-23T03:20:40.955" v="7397" actId="1038"/>
          <ac:cxnSpMkLst>
            <pc:docMk/>
            <pc:sldMk cId="4229735333" sldId="1400"/>
            <ac:cxnSpMk id="84" creationId="{524A8742-D381-B563-F85B-2E9F0A7D71FC}"/>
          </ac:cxnSpMkLst>
        </pc:cxnChg>
        <pc:cxnChg chg="mod">
          <ac:chgData name="Nam Le" userId="f5edd110-785b-40f8-8ae8-8aac6ac898db" providerId="ADAL" clId="{3A4AD891-9489-4BD6-88B8-A667CA7F5A11}" dt="2023-02-23T03:20:40.955" v="7397" actId="1038"/>
          <ac:cxnSpMkLst>
            <pc:docMk/>
            <pc:sldMk cId="4229735333" sldId="1400"/>
            <ac:cxnSpMk id="85" creationId="{27FB8159-B1C4-7B0C-C5E3-922E4B4B617C}"/>
          </ac:cxnSpMkLst>
        </pc:cxnChg>
        <pc:cxnChg chg="mod">
          <ac:chgData name="Nam Le" userId="f5edd110-785b-40f8-8ae8-8aac6ac898db" providerId="ADAL" clId="{3A4AD891-9489-4BD6-88B8-A667CA7F5A11}" dt="2023-02-23T03:20:40.955" v="7397" actId="1038"/>
          <ac:cxnSpMkLst>
            <pc:docMk/>
            <pc:sldMk cId="4229735333" sldId="1400"/>
            <ac:cxnSpMk id="86" creationId="{11A756AB-1C9E-3E01-8502-8E30519D9AA7}"/>
          </ac:cxnSpMkLst>
        </pc:cxnChg>
        <pc:cxnChg chg="mod">
          <ac:chgData name="Nam Le" userId="f5edd110-785b-40f8-8ae8-8aac6ac898db" providerId="ADAL" clId="{3A4AD891-9489-4BD6-88B8-A667CA7F5A11}" dt="2023-02-23T03:20:40.955" v="7397" actId="1038"/>
          <ac:cxnSpMkLst>
            <pc:docMk/>
            <pc:sldMk cId="4229735333" sldId="1400"/>
            <ac:cxnSpMk id="87" creationId="{3FF7AE3A-C444-98ED-B353-37DABF8C9ABD}"/>
          </ac:cxnSpMkLst>
        </pc:cxnChg>
        <pc:cxnChg chg="mod">
          <ac:chgData name="Nam Le" userId="f5edd110-785b-40f8-8ae8-8aac6ac898db" providerId="ADAL" clId="{3A4AD891-9489-4BD6-88B8-A667CA7F5A11}" dt="2023-02-23T03:20:40.955" v="7397" actId="1038"/>
          <ac:cxnSpMkLst>
            <pc:docMk/>
            <pc:sldMk cId="4229735333" sldId="1400"/>
            <ac:cxnSpMk id="88" creationId="{F1FFDBA6-2C6E-9B3C-E51F-942BF3BA6FB7}"/>
          </ac:cxnSpMkLst>
        </pc:cxnChg>
        <pc:cxnChg chg="mod">
          <ac:chgData name="Nam Le" userId="f5edd110-785b-40f8-8ae8-8aac6ac898db" providerId="ADAL" clId="{3A4AD891-9489-4BD6-88B8-A667CA7F5A11}" dt="2023-02-23T03:20:40.955" v="7397" actId="1038"/>
          <ac:cxnSpMkLst>
            <pc:docMk/>
            <pc:sldMk cId="4229735333" sldId="1400"/>
            <ac:cxnSpMk id="89" creationId="{622D4921-80ED-FB16-3D09-952AFB7107E3}"/>
          </ac:cxnSpMkLst>
        </pc:cxnChg>
        <pc:cxnChg chg="mod">
          <ac:chgData name="Nam Le" userId="f5edd110-785b-40f8-8ae8-8aac6ac898db" providerId="ADAL" clId="{3A4AD891-9489-4BD6-88B8-A667CA7F5A11}" dt="2023-02-23T03:20:40.955" v="7397" actId="1038"/>
          <ac:cxnSpMkLst>
            <pc:docMk/>
            <pc:sldMk cId="4229735333" sldId="1400"/>
            <ac:cxnSpMk id="121" creationId="{69A6EBBC-0CA4-5E37-0F95-E651470E8331}"/>
          </ac:cxnSpMkLst>
        </pc:cxnChg>
        <pc:cxnChg chg="mod">
          <ac:chgData name="Nam Le" userId="f5edd110-785b-40f8-8ae8-8aac6ac898db" providerId="ADAL" clId="{3A4AD891-9489-4BD6-88B8-A667CA7F5A11}" dt="2023-02-23T03:20:40.955" v="7397" actId="1038"/>
          <ac:cxnSpMkLst>
            <pc:docMk/>
            <pc:sldMk cId="4229735333" sldId="1400"/>
            <ac:cxnSpMk id="124" creationId="{BE508213-F03B-7A08-891E-E0107FC01D80}"/>
          </ac:cxnSpMkLst>
        </pc:cxnChg>
        <pc:cxnChg chg="mod">
          <ac:chgData name="Nam Le" userId="f5edd110-785b-40f8-8ae8-8aac6ac898db" providerId="ADAL" clId="{3A4AD891-9489-4BD6-88B8-A667CA7F5A11}" dt="2023-02-23T03:20:40.955" v="7397" actId="1038"/>
          <ac:cxnSpMkLst>
            <pc:docMk/>
            <pc:sldMk cId="4229735333" sldId="1400"/>
            <ac:cxnSpMk id="127" creationId="{DD2BAF8E-22C3-D5BF-C9D9-F6D63EA5FCA4}"/>
          </ac:cxnSpMkLst>
        </pc:cxnChg>
        <pc:cxnChg chg="mod">
          <ac:chgData name="Nam Le" userId="f5edd110-785b-40f8-8ae8-8aac6ac898db" providerId="ADAL" clId="{3A4AD891-9489-4BD6-88B8-A667CA7F5A11}" dt="2023-02-23T03:20:40.955" v="7397" actId="1038"/>
          <ac:cxnSpMkLst>
            <pc:docMk/>
            <pc:sldMk cId="4229735333" sldId="1400"/>
            <ac:cxnSpMk id="136" creationId="{CE80CAB9-2050-1D5B-EFE7-C3DC89EC2CFC}"/>
          </ac:cxnSpMkLst>
        </pc:cxnChg>
        <pc:cxnChg chg="mod">
          <ac:chgData name="Nam Le" userId="f5edd110-785b-40f8-8ae8-8aac6ac898db" providerId="ADAL" clId="{3A4AD891-9489-4BD6-88B8-A667CA7F5A11}" dt="2023-02-23T03:20:40.955" v="7397" actId="1038"/>
          <ac:cxnSpMkLst>
            <pc:docMk/>
            <pc:sldMk cId="4229735333" sldId="1400"/>
            <ac:cxnSpMk id="139" creationId="{DC275898-218E-60F4-817C-24A01142A968}"/>
          </ac:cxnSpMkLst>
        </pc:cxnChg>
      </pc:sldChg>
      <pc:sldChg chg="mod modShow">
        <pc:chgData name="Nam Le" userId="f5edd110-785b-40f8-8ae8-8aac6ac898db" providerId="ADAL" clId="{3A4AD891-9489-4BD6-88B8-A667CA7F5A11}" dt="2023-02-23T03:22:44.949" v="7641" actId="729"/>
        <pc:sldMkLst>
          <pc:docMk/>
          <pc:sldMk cId="2336099533" sldId="1402"/>
        </pc:sldMkLst>
      </pc:sldChg>
      <pc:sldChg chg="modSp mod ord">
        <pc:chgData name="Nam Le" userId="f5edd110-785b-40f8-8ae8-8aac6ac898db" providerId="ADAL" clId="{3A4AD891-9489-4BD6-88B8-A667CA7F5A11}" dt="2023-02-23T03:27:03.763" v="7712" actId="20577"/>
        <pc:sldMkLst>
          <pc:docMk/>
          <pc:sldMk cId="720158102" sldId="1403"/>
        </pc:sldMkLst>
        <pc:spChg chg="mod">
          <ac:chgData name="Nam Le" userId="f5edd110-785b-40f8-8ae8-8aac6ac898db" providerId="ADAL" clId="{3A4AD891-9489-4BD6-88B8-A667CA7F5A11}" dt="2023-02-23T03:27:03.763" v="7712" actId="20577"/>
          <ac:spMkLst>
            <pc:docMk/>
            <pc:sldMk cId="720158102" sldId="1403"/>
            <ac:spMk id="4" creationId="{B874381D-3683-E1CA-4051-FAF5437746BA}"/>
          </ac:spMkLst>
        </pc:spChg>
      </pc:sldChg>
      <pc:sldMasterChg chg="delSp mod">
        <pc:chgData name="Nam Le" userId="f5edd110-785b-40f8-8ae8-8aac6ac898db" providerId="ADAL" clId="{3A4AD891-9489-4BD6-88B8-A667CA7F5A11}" dt="2023-02-22T02:34:02.677" v="264" actId="478"/>
        <pc:sldMasterMkLst>
          <pc:docMk/>
          <pc:sldMasterMk cId="2375069162" sldId="2147483660"/>
        </pc:sldMasterMkLst>
        <pc:spChg chg="del">
          <ac:chgData name="Nam Le" userId="f5edd110-785b-40f8-8ae8-8aac6ac898db" providerId="ADAL" clId="{3A4AD891-9489-4BD6-88B8-A667CA7F5A11}" dt="2023-02-22T02:34:02.677" v="264" actId="478"/>
          <ac:spMkLst>
            <pc:docMk/>
            <pc:sldMasterMk cId="2375069162" sldId="2147483660"/>
            <ac:spMk id="9" creationId="{05A3D9EB-F025-F602-2F81-70175473224E}"/>
          </ac:spMkLst>
        </pc:spChg>
      </pc:sldMasterChg>
    </pc:docChg>
  </pc:docChgLst>
  <pc:docChgLst>
    <pc:chgData name="Magbanua, Paul" userId="S::paul.magbanua@arcadisasia.com::1c0d259b-08c1-4e64-9be0-88f00c99a53e" providerId="AD" clId="Web-{B3BB70AD-E3F8-452F-4542-2B1F686D6FAA}"/>
    <pc:docChg chg="modSld">
      <pc:chgData name="Magbanua, Paul" userId="S::paul.magbanua@arcadisasia.com::1c0d259b-08c1-4e64-9be0-88f00c99a53e" providerId="AD" clId="Web-{B3BB70AD-E3F8-452F-4542-2B1F686D6FAA}" dt="2023-02-23T03:08:21.040" v="69" actId="20577"/>
      <pc:docMkLst>
        <pc:docMk/>
      </pc:docMkLst>
      <pc:sldChg chg="modSp">
        <pc:chgData name="Magbanua, Paul" userId="S::paul.magbanua@arcadisasia.com::1c0d259b-08c1-4e64-9be0-88f00c99a53e" providerId="AD" clId="Web-{B3BB70AD-E3F8-452F-4542-2B1F686D6FAA}" dt="2023-02-23T03:08:21.040" v="69" actId="20577"/>
        <pc:sldMkLst>
          <pc:docMk/>
          <pc:sldMk cId="2472294736" sldId="1383"/>
        </pc:sldMkLst>
        <pc:spChg chg="mod">
          <ac:chgData name="Magbanua, Paul" userId="S::paul.magbanua@arcadisasia.com::1c0d259b-08c1-4e64-9be0-88f00c99a53e" providerId="AD" clId="Web-{B3BB70AD-E3F8-452F-4542-2B1F686D6FAA}" dt="2023-02-23T03:08:21.040" v="69" actId="20577"/>
          <ac:spMkLst>
            <pc:docMk/>
            <pc:sldMk cId="2472294736" sldId="1383"/>
            <ac:spMk id="3" creationId="{7848736F-4E10-CD2D-64FD-9E7C6344DB9E}"/>
          </ac:spMkLst>
        </pc:spChg>
      </pc:sldChg>
    </pc:docChg>
  </pc:docChgLst>
  <pc:docChgLst>
    <pc:chgData name="Magbanua, Paul" userId="1c0d259b-08c1-4e64-9be0-88f00c99a53e" providerId="ADAL" clId="{8E3AB8F0-B977-4A77-BCD2-63B51B90DA04}"/>
    <pc:docChg chg="custSel modSld">
      <pc:chgData name="Magbanua, Paul" userId="1c0d259b-08c1-4e64-9be0-88f00c99a53e" providerId="ADAL" clId="{8E3AB8F0-B977-4A77-BCD2-63B51B90DA04}" dt="2023-02-23T03:33:56.521" v="63" actId="5793"/>
      <pc:docMkLst>
        <pc:docMk/>
      </pc:docMkLst>
      <pc:sldChg chg="addSp delSp modSp mod">
        <pc:chgData name="Magbanua, Paul" userId="1c0d259b-08c1-4e64-9be0-88f00c99a53e" providerId="ADAL" clId="{8E3AB8F0-B977-4A77-BCD2-63B51B90DA04}" dt="2023-02-23T03:26:30.351" v="7" actId="14100"/>
        <pc:sldMkLst>
          <pc:docMk/>
          <pc:sldMk cId="2472294736" sldId="1383"/>
        </pc:sldMkLst>
        <pc:picChg chg="add mod">
          <ac:chgData name="Magbanua, Paul" userId="1c0d259b-08c1-4e64-9be0-88f00c99a53e" providerId="ADAL" clId="{8E3AB8F0-B977-4A77-BCD2-63B51B90DA04}" dt="2023-02-23T03:26:30.351" v="7" actId="14100"/>
          <ac:picMkLst>
            <pc:docMk/>
            <pc:sldMk cId="2472294736" sldId="1383"/>
            <ac:picMk id="5" creationId="{9026D468-15B8-D2B4-B005-2E08BFAC8668}"/>
          </ac:picMkLst>
        </pc:picChg>
        <pc:picChg chg="del">
          <ac:chgData name="Magbanua, Paul" userId="1c0d259b-08c1-4e64-9be0-88f00c99a53e" providerId="ADAL" clId="{8E3AB8F0-B977-4A77-BCD2-63B51B90DA04}" dt="2023-02-23T03:26:04.980" v="4" actId="478"/>
          <ac:picMkLst>
            <pc:docMk/>
            <pc:sldMk cId="2472294736" sldId="1383"/>
            <ac:picMk id="10" creationId="{CB3C7245-CECD-A429-7725-CC9C72EC0C95}"/>
          </ac:picMkLst>
        </pc:picChg>
      </pc:sldChg>
      <pc:sldChg chg="modSp mod">
        <pc:chgData name="Magbanua, Paul" userId="1c0d259b-08c1-4e64-9be0-88f00c99a53e" providerId="ADAL" clId="{8E3AB8F0-B977-4A77-BCD2-63B51B90DA04}" dt="2023-02-23T03:28:33.487" v="36" actId="20577"/>
        <pc:sldMkLst>
          <pc:docMk/>
          <pc:sldMk cId="1292856687" sldId="1390"/>
        </pc:sldMkLst>
        <pc:spChg chg="mod">
          <ac:chgData name="Magbanua, Paul" userId="1c0d259b-08c1-4e64-9be0-88f00c99a53e" providerId="ADAL" clId="{8E3AB8F0-B977-4A77-BCD2-63B51B90DA04}" dt="2023-02-23T03:28:33.487" v="36" actId="20577"/>
          <ac:spMkLst>
            <pc:docMk/>
            <pc:sldMk cId="1292856687" sldId="1390"/>
            <ac:spMk id="8" creationId="{753405AC-37C6-8115-C97C-DE234E406AB1}"/>
          </ac:spMkLst>
        </pc:spChg>
        <pc:cxnChg chg="mod">
          <ac:chgData name="Magbanua, Paul" userId="1c0d259b-08c1-4e64-9be0-88f00c99a53e" providerId="ADAL" clId="{8E3AB8F0-B977-4A77-BCD2-63B51B90DA04}" dt="2023-02-23T03:28:20.449" v="32" actId="14100"/>
          <ac:cxnSpMkLst>
            <pc:docMk/>
            <pc:sldMk cId="1292856687" sldId="1390"/>
            <ac:cxnSpMk id="10" creationId="{ACCEF57D-B1BF-5B2A-3340-04334A45369C}"/>
          </ac:cxnSpMkLst>
        </pc:cxnChg>
      </pc:sldChg>
      <pc:sldChg chg="modSp mod">
        <pc:chgData name="Magbanua, Paul" userId="1c0d259b-08c1-4e64-9be0-88f00c99a53e" providerId="ADAL" clId="{8E3AB8F0-B977-4A77-BCD2-63B51B90DA04}" dt="2023-02-23T03:32:57.971" v="51" actId="20577"/>
        <pc:sldMkLst>
          <pc:docMk/>
          <pc:sldMk cId="1317732811" sldId="1396"/>
        </pc:sldMkLst>
        <pc:spChg chg="mod">
          <ac:chgData name="Magbanua, Paul" userId="1c0d259b-08c1-4e64-9be0-88f00c99a53e" providerId="ADAL" clId="{8E3AB8F0-B977-4A77-BCD2-63B51B90DA04}" dt="2023-02-23T03:32:57.971" v="51" actId="20577"/>
          <ac:spMkLst>
            <pc:docMk/>
            <pc:sldMk cId="1317732811" sldId="1396"/>
            <ac:spMk id="4" creationId="{B874381D-3683-E1CA-4051-FAF5437746BA}"/>
          </ac:spMkLst>
        </pc:spChg>
      </pc:sldChg>
      <pc:sldChg chg="modSp mod">
        <pc:chgData name="Magbanua, Paul" userId="1c0d259b-08c1-4e64-9be0-88f00c99a53e" providerId="ADAL" clId="{8E3AB8F0-B977-4A77-BCD2-63B51B90DA04}" dt="2023-02-23T03:30:10.275" v="38" actId="20577"/>
        <pc:sldMkLst>
          <pc:docMk/>
          <pc:sldMk cId="50622250" sldId="1397"/>
        </pc:sldMkLst>
        <pc:spChg chg="mod">
          <ac:chgData name="Magbanua, Paul" userId="1c0d259b-08c1-4e64-9be0-88f00c99a53e" providerId="ADAL" clId="{8E3AB8F0-B977-4A77-BCD2-63B51B90DA04}" dt="2023-02-23T03:30:10.275" v="38" actId="20577"/>
          <ac:spMkLst>
            <pc:docMk/>
            <pc:sldMk cId="50622250" sldId="1397"/>
            <ac:spMk id="3" creationId="{5D4A68E5-8E31-A09C-70D9-A0466B66E6E6}"/>
          </ac:spMkLst>
        </pc:spChg>
        <pc:spChg chg="mod">
          <ac:chgData name="Magbanua, Paul" userId="1c0d259b-08c1-4e64-9be0-88f00c99a53e" providerId="ADAL" clId="{8E3AB8F0-B977-4A77-BCD2-63B51B90DA04}" dt="2023-02-23T03:29:49.192" v="37" actId="20577"/>
          <ac:spMkLst>
            <pc:docMk/>
            <pc:sldMk cId="50622250" sldId="1397"/>
            <ac:spMk id="4" creationId="{B874381D-3683-E1CA-4051-FAF5437746BA}"/>
          </ac:spMkLst>
        </pc:spChg>
      </pc:sldChg>
      <pc:sldChg chg="modSp mod">
        <pc:chgData name="Magbanua, Paul" userId="1c0d259b-08c1-4e64-9be0-88f00c99a53e" providerId="ADAL" clId="{8E3AB8F0-B977-4A77-BCD2-63B51B90DA04}" dt="2023-02-23T03:33:35.018" v="52" actId="14100"/>
        <pc:sldMkLst>
          <pc:docMk/>
          <pc:sldMk cId="1474999358" sldId="1398"/>
        </pc:sldMkLst>
        <pc:picChg chg="mod">
          <ac:chgData name="Magbanua, Paul" userId="1c0d259b-08c1-4e64-9be0-88f00c99a53e" providerId="ADAL" clId="{8E3AB8F0-B977-4A77-BCD2-63B51B90DA04}" dt="2023-02-23T03:33:35.018" v="52" actId="14100"/>
          <ac:picMkLst>
            <pc:docMk/>
            <pc:sldMk cId="1474999358" sldId="1398"/>
            <ac:picMk id="6" creationId="{D2AE06F5-A4DC-7F0B-8925-4744A18D6D1A}"/>
          </ac:picMkLst>
        </pc:picChg>
      </pc:sldChg>
      <pc:sldChg chg="modSp mod">
        <pc:chgData name="Magbanua, Paul" userId="1c0d259b-08c1-4e64-9be0-88f00c99a53e" providerId="ADAL" clId="{8E3AB8F0-B977-4A77-BCD2-63B51B90DA04}" dt="2023-02-23T03:32:25.555" v="44" actId="6549"/>
        <pc:sldMkLst>
          <pc:docMk/>
          <pc:sldMk cId="38406187" sldId="1399"/>
        </pc:sldMkLst>
        <pc:spChg chg="mod">
          <ac:chgData name="Magbanua, Paul" userId="1c0d259b-08c1-4e64-9be0-88f00c99a53e" providerId="ADAL" clId="{8E3AB8F0-B977-4A77-BCD2-63B51B90DA04}" dt="2023-02-23T03:32:25.555" v="44" actId="6549"/>
          <ac:spMkLst>
            <pc:docMk/>
            <pc:sldMk cId="38406187" sldId="1399"/>
            <ac:spMk id="2" creationId="{F9145FBE-C099-0C2E-7B60-209F68144BB9}"/>
          </ac:spMkLst>
        </pc:spChg>
      </pc:sldChg>
      <pc:sldChg chg="modSp mod">
        <pc:chgData name="Magbanua, Paul" userId="1c0d259b-08c1-4e64-9be0-88f00c99a53e" providerId="ADAL" clId="{8E3AB8F0-B977-4A77-BCD2-63B51B90DA04}" dt="2023-02-23T03:33:56.521" v="63" actId="5793"/>
        <pc:sldMkLst>
          <pc:docMk/>
          <pc:sldMk cId="4229735333" sldId="1400"/>
        </pc:sldMkLst>
        <pc:spChg chg="mod">
          <ac:chgData name="Magbanua, Paul" userId="1c0d259b-08c1-4e64-9be0-88f00c99a53e" providerId="ADAL" clId="{8E3AB8F0-B977-4A77-BCD2-63B51B90DA04}" dt="2023-02-23T03:33:56.521" v="63" actId="5793"/>
          <ac:spMkLst>
            <pc:docMk/>
            <pc:sldMk cId="4229735333" sldId="1400"/>
            <ac:spMk id="4" creationId="{B874381D-3683-E1CA-4051-FAF5437746BA}"/>
          </ac:spMkLst>
        </pc:spChg>
      </pc:sldChg>
    </pc:docChg>
  </pc:docChgLst>
  <pc:docChgLst>
    <pc:chgData name="Ogot, Mark Lester" userId="0b3da0ae-959c-459a-985f-9d43681ba7f4" providerId="ADAL" clId="{740736AA-2D8A-477F-8F00-B7CA75F7113B}"/>
    <pc:docChg chg="undo custSel addSld delSld modSld sldOrd modMainMaster">
      <pc:chgData name="Ogot, Mark Lester" userId="0b3da0ae-959c-459a-985f-9d43681ba7f4" providerId="ADAL" clId="{740736AA-2D8A-477F-8F00-B7CA75F7113B}" dt="2023-02-26T05:12:27.259" v="8274" actId="47"/>
      <pc:docMkLst>
        <pc:docMk/>
      </pc:docMkLst>
      <pc:sldChg chg="delSp del mod delDesignElem modShow">
        <pc:chgData name="Ogot, Mark Lester" userId="0b3da0ae-959c-459a-985f-9d43681ba7f4" providerId="ADAL" clId="{740736AA-2D8A-477F-8F00-B7CA75F7113B}" dt="2023-02-22T02:16:42.755" v="4260" actId="47"/>
        <pc:sldMkLst>
          <pc:docMk/>
          <pc:sldMk cId="2344762004" sldId="256"/>
        </pc:sldMkLst>
        <pc:spChg chg="del">
          <ac:chgData name="Ogot, Mark Lester" userId="0b3da0ae-959c-459a-985f-9d43681ba7f4" providerId="ADAL" clId="{740736AA-2D8A-477F-8F00-B7CA75F7113B}" dt="2023-02-21T23:05:20.284" v="2586"/>
          <ac:spMkLst>
            <pc:docMk/>
            <pc:sldMk cId="2344762004" sldId="256"/>
            <ac:spMk id="75" creationId="{71B2258F-86CA-4D4D-8270-BC05FCDEBFB3}"/>
          </ac:spMkLst>
        </pc:spChg>
      </pc:sldChg>
      <pc:sldChg chg="addSp delSp modSp mod ord">
        <pc:chgData name="Ogot, Mark Lester" userId="0b3da0ae-959c-459a-985f-9d43681ba7f4" providerId="ADAL" clId="{740736AA-2D8A-477F-8F00-B7CA75F7113B}" dt="2023-02-22T03:43:18.115" v="4517"/>
        <pc:sldMkLst>
          <pc:docMk/>
          <pc:sldMk cId="1775291864" sldId="258"/>
        </pc:sldMkLst>
        <pc:graphicFrameChg chg="add mod">
          <ac:chgData name="Ogot, Mark Lester" userId="0b3da0ae-959c-459a-985f-9d43681ba7f4" providerId="ADAL" clId="{740736AA-2D8A-477F-8F00-B7CA75F7113B}" dt="2023-02-21T13:08:46.815" v="379" actId="1076"/>
          <ac:graphicFrameMkLst>
            <pc:docMk/>
            <pc:sldMk cId="1775291864" sldId="258"/>
            <ac:graphicFrameMk id="2" creationId="{335294E3-6BE3-061D-4AA0-E7A7E75B1564}"/>
          </ac:graphicFrameMkLst>
        </pc:graphicFrameChg>
        <pc:graphicFrameChg chg="del mod">
          <ac:chgData name="Ogot, Mark Lester" userId="0b3da0ae-959c-459a-985f-9d43681ba7f4" providerId="ADAL" clId="{740736AA-2D8A-477F-8F00-B7CA75F7113B}" dt="2023-02-21T13:08:56.573" v="380" actId="478"/>
          <ac:graphicFrameMkLst>
            <pc:docMk/>
            <pc:sldMk cId="1775291864" sldId="258"/>
            <ac:graphicFrameMk id="9" creationId="{18CAF75E-B861-5A82-1CEE-EF81E5362F37}"/>
          </ac:graphicFrameMkLst>
        </pc:graphicFrameChg>
      </pc:sldChg>
      <pc:sldChg chg="del mod ord modShow">
        <pc:chgData name="Ogot, Mark Lester" userId="0b3da0ae-959c-459a-985f-9d43681ba7f4" providerId="ADAL" clId="{740736AA-2D8A-477F-8F00-B7CA75F7113B}" dt="2023-02-26T05:12:24.953" v="8273" actId="47"/>
        <pc:sldMkLst>
          <pc:docMk/>
          <pc:sldMk cId="1208968626" sldId="259"/>
        </pc:sldMkLst>
      </pc:sldChg>
      <pc:sldChg chg="del mod ord modShow">
        <pc:chgData name="Ogot, Mark Lester" userId="0b3da0ae-959c-459a-985f-9d43681ba7f4" providerId="ADAL" clId="{740736AA-2D8A-477F-8F00-B7CA75F7113B}" dt="2023-02-26T05:12:24.953" v="8273" actId="47"/>
        <pc:sldMkLst>
          <pc:docMk/>
          <pc:sldMk cId="3279437268" sldId="260"/>
        </pc:sldMkLst>
      </pc:sldChg>
      <pc:sldChg chg="del mod ord modShow">
        <pc:chgData name="Ogot, Mark Lester" userId="0b3da0ae-959c-459a-985f-9d43681ba7f4" providerId="ADAL" clId="{740736AA-2D8A-477F-8F00-B7CA75F7113B}" dt="2023-02-26T05:12:24.953" v="8273" actId="47"/>
        <pc:sldMkLst>
          <pc:docMk/>
          <pc:sldMk cId="201671524" sldId="263"/>
        </pc:sldMkLst>
      </pc:sldChg>
      <pc:sldChg chg="del">
        <pc:chgData name="Ogot, Mark Lester" userId="0b3da0ae-959c-459a-985f-9d43681ba7f4" providerId="ADAL" clId="{740736AA-2D8A-477F-8F00-B7CA75F7113B}" dt="2023-02-21T13:07:06.054" v="373" actId="47"/>
        <pc:sldMkLst>
          <pc:docMk/>
          <pc:sldMk cId="1204875008" sldId="264"/>
        </pc:sldMkLst>
      </pc:sldChg>
      <pc:sldChg chg="del mod modShow">
        <pc:chgData name="Ogot, Mark Lester" userId="0b3da0ae-959c-459a-985f-9d43681ba7f4" providerId="ADAL" clId="{740736AA-2D8A-477F-8F00-B7CA75F7113B}" dt="2023-02-26T05:12:24.953" v="8273" actId="47"/>
        <pc:sldMkLst>
          <pc:docMk/>
          <pc:sldMk cId="740294213" sldId="265"/>
        </pc:sldMkLst>
      </pc:sldChg>
      <pc:sldChg chg="del mod modShow">
        <pc:chgData name="Ogot, Mark Lester" userId="0b3da0ae-959c-459a-985f-9d43681ba7f4" providerId="ADAL" clId="{740736AA-2D8A-477F-8F00-B7CA75F7113B}" dt="2023-02-26T05:12:24.953" v="8273" actId="47"/>
        <pc:sldMkLst>
          <pc:docMk/>
          <pc:sldMk cId="1461064149" sldId="266"/>
        </pc:sldMkLst>
      </pc:sldChg>
      <pc:sldChg chg="del mod modShow">
        <pc:chgData name="Ogot, Mark Lester" userId="0b3da0ae-959c-459a-985f-9d43681ba7f4" providerId="ADAL" clId="{740736AA-2D8A-477F-8F00-B7CA75F7113B}" dt="2023-02-26T05:12:24.953" v="8273" actId="47"/>
        <pc:sldMkLst>
          <pc:docMk/>
          <pc:sldMk cId="4175801833" sldId="267"/>
        </pc:sldMkLst>
      </pc:sldChg>
      <pc:sldChg chg="del">
        <pc:chgData name="Ogot, Mark Lester" userId="0b3da0ae-959c-459a-985f-9d43681ba7f4" providerId="ADAL" clId="{740736AA-2D8A-477F-8F00-B7CA75F7113B}" dt="2023-02-21T13:38:35.874" v="980" actId="47"/>
        <pc:sldMkLst>
          <pc:docMk/>
          <pc:sldMk cId="3886981337" sldId="268"/>
        </pc:sldMkLst>
      </pc:sldChg>
      <pc:sldChg chg="del mod modShow">
        <pc:chgData name="Ogot, Mark Lester" userId="0b3da0ae-959c-459a-985f-9d43681ba7f4" providerId="ADAL" clId="{740736AA-2D8A-477F-8F00-B7CA75F7113B}" dt="2023-02-26T05:12:24.953" v="8273" actId="47"/>
        <pc:sldMkLst>
          <pc:docMk/>
          <pc:sldMk cId="2120166058" sldId="269"/>
        </pc:sldMkLst>
      </pc:sldChg>
      <pc:sldChg chg="addSp delSp modSp mod">
        <pc:chgData name="Ogot, Mark Lester" userId="0b3da0ae-959c-459a-985f-9d43681ba7f4" providerId="ADAL" clId="{740736AA-2D8A-477F-8F00-B7CA75F7113B}" dt="2023-02-22T03:37:56.049" v="4502" actId="14100"/>
        <pc:sldMkLst>
          <pc:docMk/>
          <pc:sldMk cId="750602339" sldId="270"/>
        </pc:sldMkLst>
        <pc:spChg chg="add del mod">
          <ac:chgData name="Ogot, Mark Lester" userId="0b3da0ae-959c-459a-985f-9d43681ba7f4" providerId="ADAL" clId="{740736AA-2D8A-477F-8F00-B7CA75F7113B}" dt="2023-02-22T03:37:17.004" v="4494" actId="478"/>
          <ac:spMkLst>
            <pc:docMk/>
            <pc:sldMk cId="750602339" sldId="270"/>
            <ac:spMk id="2" creationId="{9E0E6901-4418-4DA4-7BC5-DC90A4910E5D}"/>
          </ac:spMkLst>
        </pc:spChg>
        <pc:spChg chg="mod">
          <ac:chgData name="Ogot, Mark Lester" userId="0b3da0ae-959c-459a-985f-9d43681ba7f4" providerId="ADAL" clId="{740736AA-2D8A-477F-8F00-B7CA75F7113B}" dt="2023-02-22T03:37:56.049" v="4502" actId="14100"/>
          <ac:spMkLst>
            <pc:docMk/>
            <pc:sldMk cId="750602339" sldId="270"/>
            <ac:spMk id="60" creationId="{E5337E63-2ACC-BFD9-AA15-281DD03BD3FE}"/>
          </ac:spMkLst>
        </pc:spChg>
      </pc:sldChg>
      <pc:sldChg chg="del">
        <pc:chgData name="Ogot, Mark Lester" userId="0b3da0ae-959c-459a-985f-9d43681ba7f4" providerId="ADAL" clId="{740736AA-2D8A-477F-8F00-B7CA75F7113B}" dt="2023-02-21T23:14:06.258" v="2818" actId="47"/>
        <pc:sldMkLst>
          <pc:docMk/>
          <pc:sldMk cId="3745642820" sldId="272"/>
        </pc:sldMkLst>
      </pc:sldChg>
      <pc:sldChg chg="addSp delSp modSp del mod modShow modNotesTx">
        <pc:chgData name="Ogot, Mark Lester" userId="0b3da0ae-959c-459a-985f-9d43681ba7f4" providerId="ADAL" clId="{740736AA-2D8A-477F-8F00-B7CA75F7113B}" dt="2023-02-26T05:12:24.953" v="8273" actId="47"/>
        <pc:sldMkLst>
          <pc:docMk/>
          <pc:sldMk cId="293125196" sldId="273"/>
        </pc:sldMkLst>
        <pc:spChg chg="add mod">
          <ac:chgData name="Ogot, Mark Lester" userId="0b3da0ae-959c-459a-985f-9d43681ba7f4" providerId="ADAL" clId="{740736AA-2D8A-477F-8F00-B7CA75F7113B}" dt="2023-02-21T23:14:50.092" v="2827" actId="20577"/>
          <ac:spMkLst>
            <pc:docMk/>
            <pc:sldMk cId="293125196" sldId="273"/>
            <ac:spMk id="3" creationId="{279D6F6B-59A8-0DCD-9733-5505F4EC721C}"/>
          </ac:spMkLst>
        </pc:spChg>
        <pc:spChg chg="del">
          <ac:chgData name="Ogot, Mark Lester" userId="0b3da0ae-959c-459a-985f-9d43681ba7f4" providerId="ADAL" clId="{740736AA-2D8A-477F-8F00-B7CA75F7113B}" dt="2023-02-21T23:14:53.757" v="2828" actId="478"/>
          <ac:spMkLst>
            <pc:docMk/>
            <pc:sldMk cId="293125196" sldId="273"/>
            <ac:spMk id="5" creationId="{E96B0D62-73E9-A40F-851A-1A23EE76EEF9}"/>
          </ac:spMkLst>
        </pc:spChg>
        <pc:spChg chg="mod">
          <ac:chgData name="Ogot, Mark Lester" userId="0b3da0ae-959c-459a-985f-9d43681ba7f4" providerId="ADAL" clId="{740736AA-2D8A-477F-8F00-B7CA75F7113B}" dt="2023-02-21T23:47:36.611" v="3027" actId="1076"/>
          <ac:spMkLst>
            <pc:docMk/>
            <pc:sldMk cId="293125196" sldId="273"/>
            <ac:spMk id="6" creationId="{4C70907C-75ED-6AEA-2345-7F8C2FFE9433}"/>
          </ac:spMkLst>
        </pc:spChg>
        <pc:spChg chg="add del mod">
          <ac:chgData name="Ogot, Mark Lester" userId="0b3da0ae-959c-459a-985f-9d43681ba7f4" providerId="ADAL" clId="{740736AA-2D8A-477F-8F00-B7CA75F7113B}" dt="2023-02-21T23:47:40.337" v="3028" actId="478"/>
          <ac:spMkLst>
            <pc:docMk/>
            <pc:sldMk cId="293125196" sldId="273"/>
            <ac:spMk id="9" creationId="{F85BFA06-4455-4EC3-0A8C-787258D0B4AB}"/>
          </ac:spMkLst>
        </pc:spChg>
        <pc:spChg chg="add mod">
          <ac:chgData name="Ogot, Mark Lester" userId="0b3da0ae-959c-459a-985f-9d43681ba7f4" providerId="ADAL" clId="{740736AA-2D8A-477F-8F00-B7CA75F7113B}" dt="2023-02-22T01:47:59.194" v="3999" actId="1076"/>
          <ac:spMkLst>
            <pc:docMk/>
            <pc:sldMk cId="293125196" sldId="273"/>
            <ac:spMk id="11" creationId="{85426B89-B03B-E547-BFC0-DFA4604C0413}"/>
          </ac:spMkLst>
        </pc:spChg>
        <pc:spChg chg="add del mod">
          <ac:chgData name="Ogot, Mark Lester" userId="0b3da0ae-959c-459a-985f-9d43681ba7f4" providerId="ADAL" clId="{740736AA-2D8A-477F-8F00-B7CA75F7113B}" dt="2023-02-22T00:08:04.704" v="3433" actId="478"/>
          <ac:spMkLst>
            <pc:docMk/>
            <pc:sldMk cId="293125196" sldId="273"/>
            <ac:spMk id="12" creationId="{6FF27F2A-9FD8-098A-4E39-DF4FFC1A0996}"/>
          </ac:spMkLst>
        </pc:spChg>
        <pc:spChg chg="add mod">
          <ac:chgData name="Ogot, Mark Lester" userId="0b3da0ae-959c-459a-985f-9d43681ba7f4" providerId="ADAL" clId="{740736AA-2D8A-477F-8F00-B7CA75F7113B}" dt="2023-02-22T01:56:12.805" v="4197" actId="20577"/>
          <ac:spMkLst>
            <pc:docMk/>
            <pc:sldMk cId="293125196" sldId="273"/>
            <ac:spMk id="15" creationId="{94CDFBDB-228B-509F-92FD-3FE204242871}"/>
          </ac:spMkLst>
        </pc:spChg>
        <pc:spChg chg="del mod">
          <ac:chgData name="Ogot, Mark Lester" userId="0b3da0ae-959c-459a-985f-9d43681ba7f4" providerId="ADAL" clId="{740736AA-2D8A-477F-8F00-B7CA75F7113B}" dt="2023-02-22T00:12:36.748" v="3498" actId="478"/>
          <ac:spMkLst>
            <pc:docMk/>
            <pc:sldMk cId="293125196" sldId="273"/>
            <ac:spMk id="16" creationId="{4D6861D6-106F-CBED-8679-67B13E1537C8}"/>
          </ac:spMkLst>
        </pc:spChg>
        <pc:spChg chg="add del mod">
          <ac:chgData name="Ogot, Mark Lester" userId="0b3da0ae-959c-459a-985f-9d43681ba7f4" providerId="ADAL" clId="{740736AA-2D8A-477F-8F00-B7CA75F7113B}" dt="2023-02-22T00:02:03.228" v="3243" actId="478"/>
          <ac:spMkLst>
            <pc:docMk/>
            <pc:sldMk cId="293125196" sldId="273"/>
            <ac:spMk id="17" creationId="{B3A84232-9252-1087-62B2-A618BF000A1B}"/>
          </ac:spMkLst>
        </pc:spChg>
        <pc:spChg chg="add del">
          <ac:chgData name="Ogot, Mark Lester" userId="0b3da0ae-959c-459a-985f-9d43681ba7f4" providerId="ADAL" clId="{740736AA-2D8A-477F-8F00-B7CA75F7113B}" dt="2023-02-22T00:06:30.930" v="3408"/>
          <ac:spMkLst>
            <pc:docMk/>
            <pc:sldMk cId="293125196" sldId="273"/>
            <ac:spMk id="18" creationId="{6A2B8B48-F1E0-EEF9-5AAC-D8041B849C20}"/>
          </ac:spMkLst>
        </pc:spChg>
        <pc:spChg chg="add del">
          <ac:chgData name="Ogot, Mark Lester" userId="0b3da0ae-959c-459a-985f-9d43681ba7f4" providerId="ADAL" clId="{740736AA-2D8A-477F-8F00-B7CA75F7113B}" dt="2023-02-22T00:06:37.144" v="3410"/>
          <ac:spMkLst>
            <pc:docMk/>
            <pc:sldMk cId="293125196" sldId="273"/>
            <ac:spMk id="19" creationId="{8DA3AC49-5F96-625B-52EC-90AAAD585DBC}"/>
          </ac:spMkLst>
        </pc:spChg>
        <pc:spChg chg="add mod">
          <ac:chgData name="Ogot, Mark Lester" userId="0b3da0ae-959c-459a-985f-9d43681ba7f4" providerId="ADAL" clId="{740736AA-2D8A-477F-8F00-B7CA75F7113B}" dt="2023-02-22T02:11:09.463" v="4243" actId="14100"/>
          <ac:spMkLst>
            <pc:docMk/>
            <pc:sldMk cId="293125196" sldId="273"/>
            <ac:spMk id="23" creationId="{12F4F872-0C31-C95A-EFE6-135B44D2494F}"/>
          </ac:spMkLst>
        </pc:spChg>
        <pc:graphicFrameChg chg="mod modGraphic">
          <ac:chgData name="Ogot, Mark Lester" userId="0b3da0ae-959c-459a-985f-9d43681ba7f4" providerId="ADAL" clId="{740736AA-2D8A-477F-8F00-B7CA75F7113B}" dt="2023-02-22T01:55:23.195" v="4188" actId="14734"/>
          <ac:graphicFrameMkLst>
            <pc:docMk/>
            <pc:sldMk cId="293125196" sldId="273"/>
            <ac:graphicFrameMk id="7" creationId="{1E8B24A4-0216-85CE-8536-0CA7F3D14943}"/>
          </ac:graphicFrameMkLst>
        </pc:graphicFrameChg>
        <pc:graphicFrameChg chg="add mod">
          <ac:chgData name="Ogot, Mark Lester" userId="0b3da0ae-959c-459a-985f-9d43681ba7f4" providerId="ADAL" clId="{740736AA-2D8A-477F-8F00-B7CA75F7113B}" dt="2023-02-22T00:51:41.688" v="3754" actId="1076"/>
          <ac:graphicFrameMkLst>
            <pc:docMk/>
            <pc:sldMk cId="293125196" sldId="273"/>
            <ac:graphicFrameMk id="8" creationId="{24C26F29-712D-1271-04FA-FA30B43091C3}"/>
          </ac:graphicFrameMkLst>
        </pc:graphicFrameChg>
        <pc:graphicFrameChg chg="add del mod modGraphic">
          <ac:chgData name="Ogot, Mark Lester" userId="0b3da0ae-959c-459a-985f-9d43681ba7f4" providerId="ADAL" clId="{740736AA-2D8A-477F-8F00-B7CA75F7113B}" dt="2023-02-22T00:08:17.592" v="3438" actId="478"/>
          <ac:graphicFrameMkLst>
            <pc:docMk/>
            <pc:sldMk cId="293125196" sldId="273"/>
            <ac:graphicFrameMk id="10" creationId="{F6123DAE-7E93-4FE6-C1B7-11D8D6EDAA79}"/>
          </ac:graphicFrameMkLst>
        </pc:graphicFrameChg>
        <pc:picChg chg="del mod">
          <ac:chgData name="Ogot, Mark Lester" userId="0b3da0ae-959c-459a-985f-9d43681ba7f4" providerId="ADAL" clId="{740736AA-2D8A-477F-8F00-B7CA75F7113B}" dt="2023-02-22T00:12:14.053" v="3492" actId="478"/>
          <ac:picMkLst>
            <pc:docMk/>
            <pc:sldMk cId="293125196" sldId="273"/>
            <ac:picMk id="2" creationId="{F43C7F47-AC40-42FD-C0B6-F00663446D17}"/>
          </ac:picMkLst>
        </pc:picChg>
        <pc:picChg chg="del mod">
          <ac:chgData name="Ogot, Mark Lester" userId="0b3da0ae-959c-459a-985f-9d43681ba7f4" providerId="ADAL" clId="{740736AA-2D8A-477F-8F00-B7CA75F7113B}" dt="2023-02-22T00:12:14.053" v="3492" actId="478"/>
          <ac:picMkLst>
            <pc:docMk/>
            <pc:sldMk cId="293125196" sldId="273"/>
            <ac:picMk id="4" creationId="{FB94A1E4-ADDA-B63B-B8B9-C9CFC75099D3}"/>
          </ac:picMkLst>
        </pc:picChg>
        <pc:picChg chg="add mod">
          <ac:chgData name="Ogot, Mark Lester" userId="0b3da0ae-959c-459a-985f-9d43681ba7f4" providerId="ADAL" clId="{740736AA-2D8A-477F-8F00-B7CA75F7113B}" dt="2023-02-22T00:25:47.819" v="3743" actId="1076"/>
          <ac:picMkLst>
            <pc:docMk/>
            <pc:sldMk cId="293125196" sldId="273"/>
            <ac:picMk id="13" creationId="{5B4C6C8F-DB38-DE5A-B33C-15B2E0F21C32}"/>
          </ac:picMkLst>
        </pc:picChg>
        <pc:picChg chg="add mod ord">
          <ac:chgData name="Ogot, Mark Lester" userId="0b3da0ae-959c-459a-985f-9d43681ba7f4" providerId="ADAL" clId="{740736AA-2D8A-477F-8F00-B7CA75F7113B}" dt="2023-02-22T02:11:17.638" v="4244" actId="1076"/>
          <ac:picMkLst>
            <pc:docMk/>
            <pc:sldMk cId="293125196" sldId="273"/>
            <ac:picMk id="14" creationId="{EE0BE088-7376-099F-EDAC-6D8F11F98D2A}"/>
          </ac:picMkLst>
        </pc:picChg>
        <pc:picChg chg="add mod">
          <ac:chgData name="Ogot, Mark Lester" userId="0b3da0ae-959c-459a-985f-9d43681ba7f4" providerId="ADAL" clId="{740736AA-2D8A-477F-8F00-B7CA75F7113B}" dt="2023-02-22T02:11:20.896" v="4245" actId="1076"/>
          <ac:picMkLst>
            <pc:docMk/>
            <pc:sldMk cId="293125196" sldId="273"/>
            <ac:picMk id="21" creationId="{113C7A9D-C090-B4B3-7774-5A305B876B05}"/>
          </ac:picMkLst>
        </pc:picChg>
        <pc:picChg chg="del mod">
          <ac:chgData name="Ogot, Mark Lester" userId="0b3da0ae-959c-459a-985f-9d43681ba7f4" providerId="ADAL" clId="{740736AA-2D8A-477F-8F00-B7CA75F7113B}" dt="2023-02-22T00:12:14.053" v="3492" actId="478"/>
          <ac:picMkLst>
            <pc:docMk/>
            <pc:sldMk cId="293125196" sldId="273"/>
            <ac:picMk id="24" creationId="{ABC9CAC7-87BA-24F0-9116-E624F4C5CF6A}"/>
          </ac:picMkLst>
        </pc:picChg>
        <pc:picChg chg="del mod">
          <ac:chgData name="Ogot, Mark Lester" userId="0b3da0ae-959c-459a-985f-9d43681ba7f4" providerId="ADAL" clId="{740736AA-2D8A-477F-8F00-B7CA75F7113B}" dt="2023-02-22T00:12:14.053" v="3492" actId="478"/>
          <ac:picMkLst>
            <pc:docMk/>
            <pc:sldMk cId="293125196" sldId="273"/>
            <ac:picMk id="25" creationId="{BEC9042B-3DE1-0EB6-4E1A-16F30D13AC2D}"/>
          </ac:picMkLst>
        </pc:picChg>
        <pc:picChg chg="del mod">
          <ac:chgData name="Ogot, Mark Lester" userId="0b3da0ae-959c-459a-985f-9d43681ba7f4" providerId="ADAL" clId="{740736AA-2D8A-477F-8F00-B7CA75F7113B}" dt="2023-02-22T00:12:14.053" v="3492" actId="478"/>
          <ac:picMkLst>
            <pc:docMk/>
            <pc:sldMk cId="293125196" sldId="273"/>
            <ac:picMk id="26" creationId="{67D4A780-74FC-5514-FE21-70BB2F2A0758}"/>
          </ac:picMkLst>
        </pc:picChg>
        <pc:picChg chg="del mod">
          <ac:chgData name="Ogot, Mark Lester" userId="0b3da0ae-959c-459a-985f-9d43681ba7f4" providerId="ADAL" clId="{740736AA-2D8A-477F-8F00-B7CA75F7113B}" dt="2023-02-22T00:12:14.053" v="3492" actId="478"/>
          <ac:picMkLst>
            <pc:docMk/>
            <pc:sldMk cId="293125196" sldId="273"/>
            <ac:picMk id="27" creationId="{A396A4A8-32C2-B125-A35A-CF6CB1DC00FD}"/>
          </ac:picMkLst>
        </pc:picChg>
      </pc:sldChg>
      <pc:sldChg chg="modSp del mod ord">
        <pc:chgData name="Ogot, Mark Lester" userId="0b3da0ae-959c-459a-985f-9d43681ba7f4" providerId="ADAL" clId="{740736AA-2D8A-477F-8F00-B7CA75F7113B}" dt="2023-02-26T05:12:24.953" v="8273" actId="47"/>
        <pc:sldMkLst>
          <pc:docMk/>
          <pc:sldMk cId="4210681040" sldId="274"/>
        </pc:sldMkLst>
        <pc:spChg chg="mod">
          <ac:chgData name="Ogot, Mark Lester" userId="0b3da0ae-959c-459a-985f-9d43681ba7f4" providerId="ADAL" clId="{740736AA-2D8A-477F-8F00-B7CA75F7113B}" dt="2023-02-21T13:07:34.519" v="375" actId="6549"/>
          <ac:spMkLst>
            <pc:docMk/>
            <pc:sldMk cId="4210681040" sldId="274"/>
            <ac:spMk id="15" creationId="{5FE8A96F-A99B-9E3F-E981-C0261BFB7555}"/>
          </ac:spMkLst>
        </pc:spChg>
        <pc:spChg chg="mod">
          <ac:chgData name="Ogot, Mark Lester" userId="0b3da0ae-959c-459a-985f-9d43681ba7f4" providerId="ADAL" clId="{740736AA-2D8A-477F-8F00-B7CA75F7113B}" dt="2023-02-22T02:17:00.191" v="4264" actId="20577"/>
          <ac:spMkLst>
            <pc:docMk/>
            <pc:sldMk cId="4210681040" sldId="274"/>
            <ac:spMk id="16" creationId="{54328832-9036-57CA-E278-99CD5BA59474}"/>
          </ac:spMkLst>
        </pc:spChg>
      </pc:sldChg>
      <pc:sldChg chg="delSp modSp del mod modShow">
        <pc:chgData name="Ogot, Mark Lester" userId="0b3da0ae-959c-459a-985f-9d43681ba7f4" providerId="ADAL" clId="{740736AA-2D8A-477F-8F00-B7CA75F7113B}" dt="2023-02-26T05:12:24.953" v="8273" actId="47"/>
        <pc:sldMkLst>
          <pc:docMk/>
          <pc:sldMk cId="2277750535" sldId="275"/>
        </pc:sldMkLst>
        <pc:spChg chg="mod">
          <ac:chgData name="Ogot, Mark Lester" userId="0b3da0ae-959c-459a-985f-9d43681ba7f4" providerId="ADAL" clId="{740736AA-2D8A-477F-8F00-B7CA75F7113B}" dt="2023-02-21T23:25:20.316" v="2853" actId="14100"/>
          <ac:spMkLst>
            <pc:docMk/>
            <pc:sldMk cId="2277750535" sldId="275"/>
            <ac:spMk id="6" creationId="{4C70907C-75ED-6AEA-2345-7F8C2FFE9433}"/>
          </ac:spMkLst>
        </pc:spChg>
        <pc:spChg chg="del mod">
          <ac:chgData name="Ogot, Mark Lester" userId="0b3da0ae-959c-459a-985f-9d43681ba7f4" providerId="ADAL" clId="{740736AA-2D8A-477F-8F00-B7CA75F7113B}" dt="2023-02-22T01:57:12.631" v="4199" actId="478"/>
          <ac:spMkLst>
            <pc:docMk/>
            <pc:sldMk cId="2277750535" sldId="275"/>
            <ac:spMk id="16" creationId="{4D6861D6-106F-CBED-8679-67B13E1537C8}"/>
          </ac:spMkLst>
        </pc:spChg>
        <pc:graphicFrameChg chg="mod modGraphic">
          <ac:chgData name="Ogot, Mark Lester" userId="0b3da0ae-959c-459a-985f-9d43681ba7f4" providerId="ADAL" clId="{740736AA-2D8A-477F-8F00-B7CA75F7113B}" dt="2023-02-22T02:02:14.841" v="4242" actId="2165"/>
          <ac:graphicFrameMkLst>
            <pc:docMk/>
            <pc:sldMk cId="2277750535" sldId="275"/>
            <ac:graphicFrameMk id="7" creationId="{1E8B24A4-0216-85CE-8536-0CA7F3D14943}"/>
          </ac:graphicFrameMkLst>
        </pc:graphicFrameChg>
        <pc:picChg chg="del mod">
          <ac:chgData name="Ogot, Mark Lester" userId="0b3da0ae-959c-459a-985f-9d43681ba7f4" providerId="ADAL" clId="{740736AA-2D8A-477F-8F00-B7CA75F7113B}" dt="2023-02-22T01:57:09.392" v="4198" actId="478"/>
          <ac:picMkLst>
            <pc:docMk/>
            <pc:sldMk cId="2277750535" sldId="275"/>
            <ac:picMk id="2" creationId="{F43C7F47-AC40-42FD-C0B6-F00663446D17}"/>
          </ac:picMkLst>
        </pc:picChg>
        <pc:picChg chg="del mod">
          <ac:chgData name="Ogot, Mark Lester" userId="0b3da0ae-959c-459a-985f-9d43681ba7f4" providerId="ADAL" clId="{740736AA-2D8A-477F-8F00-B7CA75F7113B}" dt="2023-02-22T01:57:09.392" v="4198" actId="478"/>
          <ac:picMkLst>
            <pc:docMk/>
            <pc:sldMk cId="2277750535" sldId="275"/>
            <ac:picMk id="3" creationId="{EB372C8E-9BC6-8B19-5E26-CEF243E9A255}"/>
          </ac:picMkLst>
        </pc:picChg>
        <pc:picChg chg="del mod">
          <ac:chgData name="Ogot, Mark Lester" userId="0b3da0ae-959c-459a-985f-9d43681ba7f4" providerId="ADAL" clId="{740736AA-2D8A-477F-8F00-B7CA75F7113B}" dt="2023-02-22T01:57:09.392" v="4198" actId="478"/>
          <ac:picMkLst>
            <pc:docMk/>
            <pc:sldMk cId="2277750535" sldId="275"/>
            <ac:picMk id="8" creationId="{FE374233-BCC3-9B13-E9DE-BB4A03C602B6}"/>
          </ac:picMkLst>
        </pc:picChg>
        <pc:picChg chg="del mod">
          <ac:chgData name="Ogot, Mark Lester" userId="0b3da0ae-959c-459a-985f-9d43681ba7f4" providerId="ADAL" clId="{740736AA-2D8A-477F-8F00-B7CA75F7113B}" dt="2023-02-22T01:57:09.392" v="4198" actId="478"/>
          <ac:picMkLst>
            <pc:docMk/>
            <pc:sldMk cId="2277750535" sldId="275"/>
            <ac:picMk id="24" creationId="{ABC9CAC7-87BA-24F0-9116-E624F4C5CF6A}"/>
          </ac:picMkLst>
        </pc:picChg>
        <pc:picChg chg="del mod">
          <ac:chgData name="Ogot, Mark Lester" userId="0b3da0ae-959c-459a-985f-9d43681ba7f4" providerId="ADAL" clId="{740736AA-2D8A-477F-8F00-B7CA75F7113B}" dt="2023-02-22T01:57:09.392" v="4198" actId="478"/>
          <ac:picMkLst>
            <pc:docMk/>
            <pc:sldMk cId="2277750535" sldId="275"/>
            <ac:picMk id="25" creationId="{BEC9042B-3DE1-0EB6-4E1A-16F30D13AC2D}"/>
          </ac:picMkLst>
        </pc:picChg>
        <pc:picChg chg="del mod">
          <ac:chgData name="Ogot, Mark Lester" userId="0b3da0ae-959c-459a-985f-9d43681ba7f4" providerId="ADAL" clId="{740736AA-2D8A-477F-8F00-B7CA75F7113B}" dt="2023-02-22T01:57:09.392" v="4198" actId="478"/>
          <ac:picMkLst>
            <pc:docMk/>
            <pc:sldMk cId="2277750535" sldId="275"/>
            <ac:picMk id="26" creationId="{67D4A780-74FC-5514-FE21-70BB2F2A0758}"/>
          </ac:picMkLst>
        </pc:picChg>
        <pc:picChg chg="del mod">
          <ac:chgData name="Ogot, Mark Lester" userId="0b3da0ae-959c-459a-985f-9d43681ba7f4" providerId="ADAL" clId="{740736AA-2D8A-477F-8F00-B7CA75F7113B}" dt="2023-02-22T01:57:09.392" v="4198" actId="478"/>
          <ac:picMkLst>
            <pc:docMk/>
            <pc:sldMk cId="2277750535" sldId="275"/>
            <ac:picMk id="27" creationId="{A396A4A8-32C2-B125-A35A-CF6CB1DC00FD}"/>
          </ac:picMkLst>
        </pc:picChg>
      </pc:sldChg>
      <pc:sldChg chg="addSp delSp modSp del mod modShow">
        <pc:chgData name="Ogot, Mark Lester" userId="0b3da0ae-959c-459a-985f-9d43681ba7f4" providerId="ADAL" clId="{740736AA-2D8A-477F-8F00-B7CA75F7113B}" dt="2023-02-26T05:12:24.953" v="8273" actId="47"/>
        <pc:sldMkLst>
          <pc:docMk/>
          <pc:sldMk cId="955856098" sldId="276"/>
        </pc:sldMkLst>
        <pc:spChg chg="del mod">
          <ac:chgData name="Ogot, Mark Lester" userId="0b3da0ae-959c-459a-985f-9d43681ba7f4" providerId="ADAL" clId="{740736AA-2D8A-477F-8F00-B7CA75F7113B}" dt="2023-02-21T14:43:34.363" v="2280" actId="478"/>
          <ac:spMkLst>
            <pc:docMk/>
            <pc:sldMk cId="955856098" sldId="276"/>
            <ac:spMk id="4" creationId="{C75063F7-AF02-D5D4-278A-9C64835BFD67}"/>
          </ac:spMkLst>
        </pc:spChg>
        <pc:spChg chg="add del mod">
          <ac:chgData name="Ogot, Mark Lester" userId="0b3da0ae-959c-459a-985f-9d43681ba7f4" providerId="ADAL" clId="{740736AA-2D8A-477F-8F00-B7CA75F7113B}" dt="2023-02-21T14:15:44.315" v="1146" actId="11529"/>
          <ac:spMkLst>
            <pc:docMk/>
            <pc:sldMk cId="955856098" sldId="276"/>
            <ac:spMk id="8" creationId="{5A96FA17-D4DD-C8C4-67ED-4FB9B0EC079E}"/>
          </ac:spMkLst>
        </pc:spChg>
        <pc:spChg chg="add mod">
          <ac:chgData name="Ogot, Mark Lester" userId="0b3da0ae-959c-459a-985f-9d43681ba7f4" providerId="ADAL" clId="{740736AA-2D8A-477F-8F00-B7CA75F7113B}" dt="2023-02-22T02:12:36.083" v="4252" actId="1035"/>
          <ac:spMkLst>
            <pc:docMk/>
            <pc:sldMk cId="955856098" sldId="276"/>
            <ac:spMk id="10" creationId="{5A8327F8-5B4D-57B6-1DE8-34407B033CB4}"/>
          </ac:spMkLst>
        </pc:spChg>
        <pc:spChg chg="add mod">
          <ac:chgData name="Ogot, Mark Lester" userId="0b3da0ae-959c-459a-985f-9d43681ba7f4" providerId="ADAL" clId="{740736AA-2D8A-477F-8F00-B7CA75F7113B}" dt="2023-02-22T02:12:36.083" v="4252" actId="1035"/>
          <ac:spMkLst>
            <pc:docMk/>
            <pc:sldMk cId="955856098" sldId="276"/>
            <ac:spMk id="11" creationId="{59BB6372-F38C-A575-3D7D-E442A8974392}"/>
          </ac:spMkLst>
        </pc:spChg>
        <pc:spChg chg="add mod">
          <ac:chgData name="Ogot, Mark Lester" userId="0b3da0ae-959c-459a-985f-9d43681ba7f4" providerId="ADAL" clId="{740736AA-2D8A-477F-8F00-B7CA75F7113B}" dt="2023-02-22T02:12:36.083" v="4252" actId="1035"/>
          <ac:spMkLst>
            <pc:docMk/>
            <pc:sldMk cId="955856098" sldId="276"/>
            <ac:spMk id="12" creationId="{5AE3294A-3F72-0AEB-0971-0AABC0B0197E}"/>
          </ac:spMkLst>
        </pc:spChg>
        <pc:spChg chg="add del mod">
          <ac:chgData name="Ogot, Mark Lester" userId="0b3da0ae-959c-459a-985f-9d43681ba7f4" providerId="ADAL" clId="{740736AA-2D8A-477F-8F00-B7CA75F7113B}" dt="2023-02-21T14:35:02.305" v="1935" actId="12084"/>
          <ac:spMkLst>
            <pc:docMk/>
            <pc:sldMk cId="955856098" sldId="276"/>
            <ac:spMk id="13" creationId="{2F9AFFD7-FC5E-6E00-219A-B03B78DF0BB5}"/>
          </ac:spMkLst>
        </pc:spChg>
        <pc:spChg chg="add del mod">
          <ac:chgData name="Ogot, Mark Lester" userId="0b3da0ae-959c-459a-985f-9d43681ba7f4" providerId="ADAL" clId="{740736AA-2D8A-477F-8F00-B7CA75F7113B}" dt="2023-02-21T14:36:09.745" v="1954" actId="12084"/>
          <ac:spMkLst>
            <pc:docMk/>
            <pc:sldMk cId="955856098" sldId="276"/>
            <ac:spMk id="14" creationId="{C0E939EA-D45E-18D4-7A6B-F5AF9C4FF86A}"/>
          </ac:spMkLst>
        </pc:spChg>
        <pc:spChg chg="add del mod">
          <ac:chgData name="Ogot, Mark Lester" userId="0b3da0ae-959c-459a-985f-9d43681ba7f4" providerId="ADAL" clId="{740736AA-2D8A-477F-8F00-B7CA75F7113B}" dt="2023-02-21T14:40:22.147" v="2155" actId="12084"/>
          <ac:spMkLst>
            <pc:docMk/>
            <pc:sldMk cId="955856098" sldId="276"/>
            <ac:spMk id="15" creationId="{6FE2CBED-F3B2-38B0-6552-28ABB30213F6}"/>
          </ac:spMkLst>
        </pc:spChg>
        <pc:spChg chg="del mod">
          <ac:chgData name="Ogot, Mark Lester" userId="0b3da0ae-959c-459a-985f-9d43681ba7f4" providerId="ADAL" clId="{740736AA-2D8A-477F-8F00-B7CA75F7113B}" dt="2023-02-22T00:12:05.285" v="3491" actId="478"/>
          <ac:spMkLst>
            <pc:docMk/>
            <pc:sldMk cId="955856098" sldId="276"/>
            <ac:spMk id="16" creationId="{4D6861D6-106F-CBED-8679-67B13E1537C8}"/>
          </ac:spMkLst>
        </pc:spChg>
        <pc:spChg chg="mod">
          <ac:chgData name="Ogot, Mark Lester" userId="0b3da0ae-959c-459a-985f-9d43681ba7f4" providerId="ADAL" clId="{740736AA-2D8A-477F-8F00-B7CA75F7113B}" dt="2023-02-21T14:31:55.366" v="1811" actId="18245"/>
          <ac:spMkLst>
            <pc:docMk/>
            <pc:sldMk cId="955856098" sldId="276"/>
            <ac:spMk id="18" creationId="{0D64FC21-B30C-C45D-4D21-28E0F378B52B}"/>
          </ac:spMkLst>
        </pc:spChg>
        <pc:spChg chg="mod">
          <ac:chgData name="Ogot, Mark Lester" userId="0b3da0ae-959c-459a-985f-9d43681ba7f4" providerId="ADAL" clId="{740736AA-2D8A-477F-8F00-B7CA75F7113B}" dt="2023-02-21T14:31:55.366" v="1811" actId="18245"/>
          <ac:spMkLst>
            <pc:docMk/>
            <pc:sldMk cId="955856098" sldId="276"/>
            <ac:spMk id="19" creationId="{ACE62A93-D465-2DB2-FAA4-5E0FCDE8A6D0}"/>
          </ac:spMkLst>
        </pc:spChg>
        <pc:spChg chg="mod">
          <ac:chgData name="Ogot, Mark Lester" userId="0b3da0ae-959c-459a-985f-9d43681ba7f4" providerId="ADAL" clId="{740736AA-2D8A-477F-8F00-B7CA75F7113B}" dt="2023-02-21T14:31:55.366" v="1811" actId="18245"/>
          <ac:spMkLst>
            <pc:docMk/>
            <pc:sldMk cId="955856098" sldId="276"/>
            <ac:spMk id="20" creationId="{AC0296A0-25AC-6FD3-CDC5-6AE1AA4CA660}"/>
          </ac:spMkLst>
        </pc:spChg>
        <pc:spChg chg="mod">
          <ac:chgData name="Ogot, Mark Lester" userId="0b3da0ae-959c-459a-985f-9d43681ba7f4" providerId="ADAL" clId="{740736AA-2D8A-477F-8F00-B7CA75F7113B}" dt="2023-02-21T14:31:55.366" v="1811" actId="18245"/>
          <ac:spMkLst>
            <pc:docMk/>
            <pc:sldMk cId="955856098" sldId="276"/>
            <ac:spMk id="21" creationId="{923EA7A6-E558-A0F6-D377-56BEA93CAD1E}"/>
          </ac:spMkLst>
        </pc:spChg>
        <pc:spChg chg="mod">
          <ac:chgData name="Ogot, Mark Lester" userId="0b3da0ae-959c-459a-985f-9d43681ba7f4" providerId="ADAL" clId="{740736AA-2D8A-477F-8F00-B7CA75F7113B}" dt="2023-02-21T14:31:48.360" v="1810" actId="18245"/>
          <ac:spMkLst>
            <pc:docMk/>
            <pc:sldMk cId="955856098" sldId="276"/>
            <ac:spMk id="22" creationId="{2502957A-BE48-C6F0-BE59-3A451612EC00}"/>
          </ac:spMkLst>
        </pc:spChg>
        <pc:spChg chg="add mod">
          <ac:chgData name="Ogot, Mark Lester" userId="0b3da0ae-959c-459a-985f-9d43681ba7f4" providerId="ADAL" clId="{740736AA-2D8A-477F-8F00-B7CA75F7113B}" dt="2023-02-21T14:36:03.250" v="1953"/>
          <ac:spMkLst>
            <pc:docMk/>
            <pc:sldMk cId="955856098" sldId="276"/>
            <ac:spMk id="32" creationId="{A36E2312-4F1F-8A62-4139-E0416BEE8ABA}"/>
          </ac:spMkLst>
        </pc:spChg>
        <pc:spChg chg="add mod">
          <ac:chgData name="Ogot, Mark Lester" userId="0b3da0ae-959c-459a-985f-9d43681ba7f4" providerId="ADAL" clId="{740736AA-2D8A-477F-8F00-B7CA75F7113B}" dt="2023-02-21T14:36:03.250" v="1953"/>
          <ac:spMkLst>
            <pc:docMk/>
            <pc:sldMk cId="955856098" sldId="276"/>
            <ac:spMk id="33" creationId="{C24B5B1E-C4CA-62AF-1DB8-9C950437B5DA}"/>
          </ac:spMkLst>
        </pc:spChg>
        <pc:spChg chg="add del mod">
          <ac:chgData name="Ogot, Mark Lester" userId="0b3da0ae-959c-459a-985f-9d43681ba7f4" providerId="ADAL" clId="{740736AA-2D8A-477F-8F00-B7CA75F7113B}" dt="2023-02-21T23:07:54.912" v="2649" actId="478"/>
          <ac:spMkLst>
            <pc:docMk/>
            <pc:sldMk cId="955856098" sldId="276"/>
            <ac:spMk id="38" creationId="{CD47C398-9425-CEEB-6417-0FCF01C0C203}"/>
          </ac:spMkLst>
        </pc:spChg>
        <pc:spChg chg="add mod">
          <ac:chgData name="Ogot, Mark Lester" userId="0b3da0ae-959c-459a-985f-9d43681ba7f4" providerId="ADAL" clId="{740736AA-2D8A-477F-8F00-B7CA75F7113B}" dt="2023-02-22T02:12:38.603" v="4256" actId="1035"/>
          <ac:spMkLst>
            <pc:docMk/>
            <pc:sldMk cId="955856098" sldId="276"/>
            <ac:spMk id="39" creationId="{B1F48163-DC6A-11FE-BC1B-FE3AB408845E}"/>
          </ac:spMkLst>
        </pc:spChg>
        <pc:grpChg chg="mod">
          <ac:chgData name="Ogot, Mark Lester" userId="0b3da0ae-959c-459a-985f-9d43681ba7f4" providerId="ADAL" clId="{740736AA-2D8A-477F-8F00-B7CA75F7113B}" dt="2023-02-21T14:31:55.366" v="1811" actId="18245"/>
          <ac:grpSpMkLst>
            <pc:docMk/>
            <pc:sldMk cId="955856098" sldId="276"/>
            <ac:grpSpMk id="17" creationId="{35CD1363-E8E7-2C86-3FDE-0ADF015A4A2E}"/>
          </ac:grpSpMkLst>
        </pc:grpChg>
        <pc:grpChg chg="add mod">
          <ac:chgData name="Ogot, Mark Lester" userId="0b3da0ae-959c-459a-985f-9d43681ba7f4" providerId="ADAL" clId="{740736AA-2D8A-477F-8F00-B7CA75F7113B}" dt="2023-02-21T14:36:03.250" v="1953"/>
          <ac:grpSpMkLst>
            <pc:docMk/>
            <pc:sldMk cId="955856098" sldId="276"/>
            <ac:grpSpMk id="31" creationId="{3CFE6DDF-2449-8B0C-3EDD-4200C0AD916D}"/>
          </ac:grpSpMkLst>
        </pc:grpChg>
        <pc:graphicFrameChg chg="add del mod modGraphic">
          <ac:chgData name="Ogot, Mark Lester" userId="0b3da0ae-959c-459a-985f-9d43681ba7f4" providerId="ADAL" clId="{740736AA-2D8A-477F-8F00-B7CA75F7113B}" dt="2023-02-21T14:21:28.532" v="1373" actId="478"/>
          <ac:graphicFrameMkLst>
            <pc:docMk/>
            <pc:sldMk cId="955856098" sldId="276"/>
            <ac:graphicFrameMk id="5" creationId="{9BEAA27F-5D42-F1B6-B678-9DC220B8D65B}"/>
          </ac:graphicFrameMkLst>
        </pc:graphicFrameChg>
        <pc:graphicFrameChg chg="del mod modGraphic">
          <ac:chgData name="Ogot, Mark Lester" userId="0b3da0ae-959c-459a-985f-9d43681ba7f4" providerId="ADAL" clId="{740736AA-2D8A-477F-8F00-B7CA75F7113B}" dt="2023-02-21T23:07:33.106" v="2646" actId="478"/>
          <ac:graphicFrameMkLst>
            <pc:docMk/>
            <pc:sldMk cId="955856098" sldId="276"/>
            <ac:graphicFrameMk id="7" creationId="{1E8B24A4-0216-85CE-8536-0CA7F3D14943}"/>
          </ac:graphicFrameMkLst>
        </pc:graphicFrameChg>
        <pc:graphicFrameChg chg="add del mod modGraphic">
          <ac:chgData name="Ogot, Mark Lester" userId="0b3da0ae-959c-459a-985f-9d43681ba7f4" providerId="ADAL" clId="{740736AA-2D8A-477F-8F00-B7CA75F7113B}" dt="2023-02-22T05:43:10.687" v="4714"/>
          <ac:graphicFrameMkLst>
            <pc:docMk/>
            <pc:sldMk cId="955856098" sldId="276"/>
            <ac:graphicFrameMk id="9" creationId="{9482508B-B47F-7F45-993A-A4F37CD92DA0}"/>
          </ac:graphicFrameMkLst>
        </pc:graphicFrameChg>
        <pc:graphicFrameChg chg="add mod">
          <ac:chgData name="Ogot, Mark Lester" userId="0b3da0ae-959c-459a-985f-9d43681ba7f4" providerId="ADAL" clId="{740736AA-2D8A-477F-8F00-B7CA75F7113B}" dt="2023-02-22T02:12:36.083" v="4252" actId="1035"/>
          <ac:graphicFrameMkLst>
            <pc:docMk/>
            <pc:sldMk cId="955856098" sldId="276"/>
            <ac:graphicFrameMk id="23" creationId="{4D19299F-4276-BF0F-E71F-5ACDFE32FCB1}"/>
          </ac:graphicFrameMkLst>
        </pc:graphicFrameChg>
        <pc:graphicFrameChg chg="add del mod">
          <ac:chgData name="Ogot, Mark Lester" userId="0b3da0ae-959c-459a-985f-9d43681ba7f4" providerId="ADAL" clId="{740736AA-2D8A-477F-8F00-B7CA75F7113B}" dt="2023-02-21T14:35:52.293" v="1948" actId="12084"/>
          <ac:graphicFrameMkLst>
            <pc:docMk/>
            <pc:sldMk cId="955856098" sldId="276"/>
            <ac:graphicFrameMk id="28" creationId="{FAD70722-9417-F9F6-428C-331EECBA5CDD}"/>
          </ac:graphicFrameMkLst>
        </pc:graphicFrameChg>
        <pc:graphicFrameChg chg="add del mod">
          <ac:chgData name="Ogot, Mark Lester" userId="0b3da0ae-959c-459a-985f-9d43681ba7f4" providerId="ADAL" clId="{740736AA-2D8A-477F-8F00-B7CA75F7113B}" dt="2023-02-21T14:35:50.135" v="1946"/>
          <ac:graphicFrameMkLst>
            <pc:docMk/>
            <pc:sldMk cId="955856098" sldId="276"/>
            <ac:graphicFrameMk id="29" creationId="{ED28B0E3-67C6-F7DC-F877-CCFF538D6E42}"/>
          </ac:graphicFrameMkLst>
        </pc:graphicFrameChg>
        <pc:graphicFrameChg chg="add mod">
          <ac:chgData name="Ogot, Mark Lester" userId="0b3da0ae-959c-459a-985f-9d43681ba7f4" providerId="ADAL" clId="{740736AA-2D8A-477F-8F00-B7CA75F7113B}" dt="2023-02-21T14:35:49.699" v="1945" actId="571"/>
          <ac:graphicFrameMkLst>
            <pc:docMk/>
            <pc:sldMk cId="955856098" sldId="276"/>
            <ac:graphicFrameMk id="30" creationId="{16216901-3E98-1D83-9323-6ED303D55F01}"/>
          </ac:graphicFrameMkLst>
        </pc:graphicFrameChg>
        <pc:graphicFrameChg chg="add mod modGraphic">
          <ac:chgData name="Ogot, Mark Lester" userId="0b3da0ae-959c-459a-985f-9d43681ba7f4" providerId="ADAL" clId="{740736AA-2D8A-477F-8F00-B7CA75F7113B}" dt="2023-02-22T02:12:36.083" v="4252" actId="1035"/>
          <ac:graphicFrameMkLst>
            <pc:docMk/>
            <pc:sldMk cId="955856098" sldId="276"/>
            <ac:graphicFrameMk id="34" creationId="{6522404D-3ED6-850D-1C02-688134D17544}"/>
          </ac:graphicFrameMkLst>
        </pc:graphicFrameChg>
        <pc:graphicFrameChg chg="add del mod">
          <ac:chgData name="Ogot, Mark Lester" userId="0b3da0ae-959c-459a-985f-9d43681ba7f4" providerId="ADAL" clId="{740736AA-2D8A-477F-8F00-B7CA75F7113B}" dt="2023-02-21T14:39:03.026" v="2058" actId="12084"/>
          <ac:graphicFrameMkLst>
            <pc:docMk/>
            <pc:sldMk cId="955856098" sldId="276"/>
            <ac:graphicFrameMk id="35" creationId="{A5BD2A2C-4101-C1D9-06A1-1A5327FF9788}"/>
          </ac:graphicFrameMkLst>
        </pc:graphicFrameChg>
        <pc:graphicFrameChg chg="add mod modGraphic">
          <ac:chgData name="Ogot, Mark Lester" userId="0b3da0ae-959c-459a-985f-9d43681ba7f4" providerId="ADAL" clId="{740736AA-2D8A-477F-8F00-B7CA75F7113B}" dt="2023-02-22T02:12:36.083" v="4252" actId="1035"/>
          <ac:graphicFrameMkLst>
            <pc:docMk/>
            <pc:sldMk cId="955856098" sldId="276"/>
            <ac:graphicFrameMk id="36" creationId="{6C973795-AD60-70E3-4EA4-12470A95E1B9}"/>
          </ac:graphicFrameMkLst>
        </pc:graphicFrameChg>
        <pc:picChg chg="del mod">
          <ac:chgData name="Ogot, Mark Lester" userId="0b3da0ae-959c-459a-985f-9d43681ba7f4" providerId="ADAL" clId="{740736AA-2D8A-477F-8F00-B7CA75F7113B}" dt="2023-02-22T00:12:02.544" v="3490" actId="478"/>
          <ac:picMkLst>
            <pc:docMk/>
            <pc:sldMk cId="955856098" sldId="276"/>
            <ac:picMk id="2" creationId="{F43C7F47-AC40-42FD-C0B6-F00663446D17}"/>
          </ac:picMkLst>
        </pc:picChg>
        <pc:picChg chg="del mod">
          <ac:chgData name="Ogot, Mark Lester" userId="0b3da0ae-959c-459a-985f-9d43681ba7f4" providerId="ADAL" clId="{740736AA-2D8A-477F-8F00-B7CA75F7113B}" dt="2023-02-22T00:12:02.544" v="3490" actId="478"/>
          <ac:picMkLst>
            <pc:docMk/>
            <pc:sldMk cId="955856098" sldId="276"/>
            <ac:picMk id="3" creationId="{EB372C8E-9BC6-8B19-5E26-CEF243E9A255}"/>
          </ac:picMkLst>
        </pc:picChg>
        <pc:picChg chg="del mod">
          <ac:chgData name="Ogot, Mark Lester" userId="0b3da0ae-959c-459a-985f-9d43681ba7f4" providerId="ADAL" clId="{740736AA-2D8A-477F-8F00-B7CA75F7113B}" dt="2023-02-22T00:12:02.544" v="3490" actId="478"/>
          <ac:picMkLst>
            <pc:docMk/>
            <pc:sldMk cId="955856098" sldId="276"/>
            <ac:picMk id="24" creationId="{ABC9CAC7-87BA-24F0-9116-E624F4C5CF6A}"/>
          </ac:picMkLst>
        </pc:picChg>
        <pc:picChg chg="del mod">
          <ac:chgData name="Ogot, Mark Lester" userId="0b3da0ae-959c-459a-985f-9d43681ba7f4" providerId="ADAL" clId="{740736AA-2D8A-477F-8F00-B7CA75F7113B}" dt="2023-02-22T00:12:02.544" v="3490" actId="478"/>
          <ac:picMkLst>
            <pc:docMk/>
            <pc:sldMk cId="955856098" sldId="276"/>
            <ac:picMk id="25" creationId="{BEC9042B-3DE1-0EB6-4E1A-16F30D13AC2D}"/>
          </ac:picMkLst>
        </pc:picChg>
        <pc:picChg chg="del mod">
          <ac:chgData name="Ogot, Mark Lester" userId="0b3da0ae-959c-459a-985f-9d43681ba7f4" providerId="ADAL" clId="{740736AA-2D8A-477F-8F00-B7CA75F7113B}" dt="2023-02-22T00:12:02.544" v="3490" actId="478"/>
          <ac:picMkLst>
            <pc:docMk/>
            <pc:sldMk cId="955856098" sldId="276"/>
            <ac:picMk id="26" creationId="{67D4A780-74FC-5514-FE21-70BB2F2A0758}"/>
          </ac:picMkLst>
        </pc:picChg>
        <pc:picChg chg="del mod">
          <ac:chgData name="Ogot, Mark Lester" userId="0b3da0ae-959c-459a-985f-9d43681ba7f4" providerId="ADAL" clId="{740736AA-2D8A-477F-8F00-B7CA75F7113B}" dt="2023-02-22T00:12:02.544" v="3490" actId="478"/>
          <ac:picMkLst>
            <pc:docMk/>
            <pc:sldMk cId="955856098" sldId="276"/>
            <ac:picMk id="27" creationId="{A396A4A8-32C2-B125-A35A-CF6CB1DC00FD}"/>
          </ac:picMkLst>
        </pc:picChg>
      </pc:sldChg>
      <pc:sldChg chg="del">
        <pc:chgData name="Ogot, Mark Lester" userId="0b3da0ae-959c-459a-985f-9d43681ba7f4" providerId="ADAL" clId="{740736AA-2D8A-477F-8F00-B7CA75F7113B}" dt="2023-02-21T14:11:10.832" v="1050" actId="47"/>
        <pc:sldMkLst>
          <pc:docMk/>
          <pc:sldMk cId="2463597441" sldId="278"/>
        </pc:sldMkLst>
      </pc:sldChg>
      <pc:sldChg chg="del mod modShow">
        <pc:chgData name="Ogot, Mark Lester" userId="0b3da0ae-959c-459a-985f-9d43681ba7f4" providerId="ADAL" clId="{740736AA-2D8A-477F-8F00-B7CA75F7113B}" dt="2023-02-26T05:12:24.953" v="8273" actId="47"/>
        <pc:sldMkLst>
          <pc:docMk/>
          <pc:sldMk cId="4192749541" sldId="279"/>
        </pc:sldMkLst>
      </pc:sldChg>
      <pc:sldChg chg="del ord">
        <pc:chgData name="Ogot, Mark Lester" userId="0b3da0ae-959c-459a-985f-9d43681ba7f4" providerId="ADAL" clId="{740736AA-2D8A-477F-8F00-B7CA75F7113B}" dt="2023-02-26T05:12:08.788" v="8271" actId="47"/>
        <pc:sldMkLst>
          <pc:docMk/>
          <pc:sldMk cId="394895189" sldId="280"/>
        </pc:sldMkLst>
      </pc:sldChg>
      <pc:sldChg chg="del mod modShow">
        <pc:chgData name="Ogot, Mark Lester" userId="0b3da0ae-959c-459a-985f-9d43681ba7f4" providerId="ADAL" clId="{740736AA-2D8A-477F-8F00-B7CA75F7113B}" dt="2023-02-26T05:12:24.953" v="8273" actId="47"/>
        <pc:sldMkLst>
          <pc:docMk/>
          <pc:sldMk cId="3972329883" sldId="281"/>
        </pc:sldMkLst>
      </pc:sldChg>
      <pc:sldChg chg="modSp del mod ord">
        <pc:chgData name="Ogot, Mark Lester" userId="0b3da0ae-959c-459a-985f-9d43681ba7f4" providerId="ADAL" clId="{740736AA-2D8A-477F-8F00-B7CA75F7113B}" dt="2023-02-26T05:12:08.788" v="8271" actId="47"/>
        <pc:sldMkLst>
          <pc:docMk/>
          <pc:sldMk cId="1486922175" sldId="282"/>
        </pc:sldMkLst>
        <pc:spChg chg="mod">
          <ac:chgData name="Ogot, Mark Lester" userId="0b3da0ae-959c-459a-985f-9d43681ba7f4" providerId="ADAL" clId="{740736AA-2D8A-477F-8F00-B7CA75F7113B}" dt="2023-02-23T03:29:28.088" v="8246" actId="313"/>
          <ac:spMkLst>
            <pc:docMk/>
            <pc:sldMk cId="1486922175" sldId="282"/>
            <ac:spMk id="7" creationId="{77BA449D-3886-BCA2-0734-A74CA98824FD}"/>
          </ac:spMkLst>
        </pc:spChg>
      </pc:sldChg>
      <pc:sldChg chg="del">
        <pc:chgData name="Ogot, Mark Lester" userId="0b3da0ae-959c-459a-985f-9d43681ba7f4" providerId="ADAL" clId="{740736AA-2D8A-477F-8F00-B7CA75F7113B}" dt="2023-02-22T02:13:13.167" v="4259" actId="47"/>
        <pc:sldMkLst>
          <pc:docMk/>
          <pc:sldMk cId="2504773278" sldId="283"/>
        </pc:sldMkLst>
      </pc:sldChg>
      <pc:sldChg chg="addSp delSp modSp mod delDesignElem">
        <pc:chgData name="Ogot, Mark Lester" userId="0b3da0ae-959c-459a-985f-9d43681ba7f4" providerId="ADAL" clId="{740736AA-2D8A-477F-8F00-B7CA75F7113B}" dt="2023-02-21T23:05:20.284" v="2586"/>
        <pc:sldMkLst>
          <pc:docMk/>
          <pc:sldMk cId="1333988232" sldId="284"/>
        </pc:sldMkLst>
        <pc:spChg chg="add del mod topLvl">
          <ac:chgData name="Ogot, Mark Lester" userId="0b3da0ae-959c-459a-985f-9d43681ba7f4" providerId="ADAL" clId="{740736AA-2D8A-477F-8F00-B7CA75F7113B}" dt="2023-02-21T12:52:52.243" v="75" actId="2085"/>
          <ac:spMkLst>
            <pc:docMk/>
            <pc:sldMk cId="1333988232" sldId="284"/>
            <ac:spMk id="2" creationId="{E1BCEBF5-E7B4-C16C-F80D-197D226406E7}"/>
          </ac:spMkLst>
        </pc:spChg>
        <pc:spChg chg="add mod topLvl">
          <ac:chgData name="Ogot, Mark Lester" userId="0b3da0ae-959c-459a-985f-9d43681ba7f4" providerId="ADAL" clId="{740736AA-2D8A-477F-8F00-B7CA75F7113B}" dt="2023-02-21T12:52:52.243" v="75" actId="2085"/>
          <ac:spMkLst>
            <pc:docMk/>
            <pc:sldMk cId="1333988232" sldId="284"/>
            <ac:spMk id="3" creationId="{65869A0F-2516-2B78-F7C2-A18A7C228784}"/>
          </ac:spMkLst>
        </pc:spChg>
        <pc:spChg chg="add mod topLvl">
          <ac:chgData name="Ogot, Mark Lester" userId="0b3da0ae-959c-459a-985f-9d43681ba7f4" providerId="ADAL" clId="{740736AA-2D8A-477F-8F00-B7CA75F7113B}" dt="2023-02-21T12:52:52.243" v="75" actId="2085"/>
          <ac:spMkLst>
            <pc:docMk/>
            <pc:sldMk cId="1333988232" sldId="284"/>
            <ac:spMk id="4" creationId="{9EFC0A25-D26A-8F6D-068A-EBCFFDDAFBC1}"/>
          </ac:spMkLst>
        </pc:spChg>
        <pc:spChg chg="mod ord">
          <ac:chgData name="Ogot, Mark Lester" userId="0b3da0ae-959c-459a-985f-9d43681ba7f4" providerId="ADAL" clId="{740736AA-2D8A-477F-8F00-B7CA75F7113B}" dt="2023-02-21T13:01:00.319" v="209" actId="207"/>
          <ac:spMkLst>
            <pc:docMk/>
            <pc:sldMk cId="1333988232" sldId="284"/>
            <ac:spMk id="5" creationId="{062691C2-D93C-A405-EF06-01B86EB76633}"/>
          </ac:spMkLst>
        </pc:spChg>
        <pc:spChg chg="mod ord">
          <ac:chgData name="Ogot, Mark Lester" userId="0b3da0ae-959c-459a-985f-9d43681ba7f4" providerId="ADAL" clId="{740736AA-2D8A-477F-8F00-B7CA75F7113B}" dt="2023-02-21T12:53:21.798" v="80" actId="1076"/>
          <ac:spMkLst>
            <pc:docMk/>
            <pc:sldMk cId="1333988232" sldId="284"/>
            <ac:spMk id="6" creationId="{F2F73220-A404-2C51-4AD2-E480B1AA77BC}"/>
          </ac:spMkLst>
        </pc:spChg>
        <pc:spChg chg="mod ord">
          <ac:chgData name="Ogot, Mark Lester" userId="0b3da0ae-959c-459a-985f-9d43681ba7f4" providerId="ADAL" clId="{740736AA-2D8A-477F-8F00-B7CA75F7113B}" dt="2023-02-21T12:58:25.783" v="133" actId="166"/>
          <ac:spMkLst>
            <pc:docMk/>
            <pc:sldMk cId="1333988232" sldId="284"/>
            <ac:spMk id="7" creationId="{9C126648-824B-6615-E6CD-C65ECD55B405}"/>
          </ac:spMkLst>
        </pc:spChg>
        <pc:spChg chg="add mod topLvl">
          <ac:chgData name="Ogot, Mark Lester" userId="0b3da0ae-959c-459a-985f-9d43681ba7f4" providerId="ADAL" clId="{740736AA-2D8A-477F-8F00-B7CA75F7113B}" dt="2023-02-21T12:52:52.243" v="75" actId="2085"/>
          <ac:spMkLst>
            <pc:docMk/>
            <pc:sldMk cId="1333988232" sldId="284"/>
            <ac:spMk id="8" creationId="{BE9ED3D3-B987-EAED-DBBC-B400F628C842}"/>
          </ac:spMkLst>
        </pc:spChg>
        <pc:spChg chg="add mod ord">
          <ac:chgData name="Ogot, Mark Lester" userId="0b3da0ae-959c-459a-985f-9d43681ba7f4" providerId="ADAL" clId="{740736AA-2D8A-477F-8F00-B7CA75F7113B}" dt="2023-02-21T12:54:55.229" v="96" actId="207"/>
          <ac:spMkLst>
            <pc:docMk/>
            <pc:sldMk cId="1333988232" sldId="284"/>
            <ac:spMk id="10" creationId="{F10D7B5A-6D5B-CE84-FD46-7F42DB2E1236}"/>
          </ac:spMkLst>
        </pc:spChg>
        <pc:spChg chg="add mod ord">
          <ac:chgData name="Ogot, Mark Lester" userId="0b3da0ae-959c-459a-985f-9d43681ba7f4" providerId="ADAL" clId="{740736AA-2D8A-477F-8F00-B7CA75F7113B}" dt="2023-02-21T12:58:25.783" v="133" actId="166"/>
          <ac:spMkLst>
            <pc:docMk/>
            <pc:sldMk cId="1333988232" sldId="284"/>
            <ac:spMk id="12" creationId="{288DCB57-F466-82F0-53B7-72A9385AD33A}"/>
          </ac:spMkLst>
        </pc:spChg>
        <pc:spChg chg="add del mod ord">
          <ac:chgData name="Ogot, Mark Lester" userId="0b3da0ae-959c-459a-985f-9d43681ba7f4" providerId="ADAL" clId="{740736AA-2D8A-477F-8F00-B7CA75F7113B}" dt="2023-02-21T12:58:55.010" v="136" actId="478"/>
          <ac:spMkLst>
            <pc:docMk/>
            <pc:sldMk cId="1333988232" sldId="284"/>
            <ac:spMk id="13" creationId="{EC669B40-EB9E-C4BA-4E6D-6792B1633FD9}"/>
          </ac:spMkLst>
        </pc:spChg>
        <pc:spChg chg="del">
          <ac:chgData name="Ogot, Mark Lester" userId="0b3da0ae-959c-459a-985f-9d43681ba7f4" providerId="ADAL" clId="{740736AA-2D8A-477F-8F00-B7CA75F7113B}" dt="2023-02-21T23:05:20.284" v="2586"/>
          <ac:spMkLst>
            <pc:docMk/>
            <pc:sldMk cId="1333988232" sldId="284"/>
            <ac:spMk id="75" creationId="{71B2258F-86CA-4D4D-8270-BC05FCDEBFB3}"/>
          </ac:spMkLst>
        </pc:spChg>
        <pc:grpChg chg="add del mod ord">
          <ac:chgData name="Ogot, Mark Lester" userId="0b3da0ae-959c-459a-985f-9d43681ba7f4" providerId="ADAL" clId="{740736AA-2D8A-477F-8F00-B7CA75F7113B}" dt="2023-02-21T13:01:46.710" v="222"/>
          <ac:grpSpMkLst>
            <pc:docMk/>
            <pc:sldMk cId="1333988232" sldId="284"/>
            <ac:grpSpMk id="9" creationId="{42A8D379-5F37-18F9-C952-7D107C33C8B1}"/>
          </ac:grpSpMkLst>
        </pc:grpChg>
        <pc:picChg chg="del mod">
          <ac:chgData name="Ogot, Mark Lester" userId="0b3da0ae-959c-459a-985f-9d43681ba7f4" providerId="ADAL" clId="{740736AA-2D8A-477F-8F00-B7CA75F7113B}" dt="2023-02-21T12:50:32.322" v="63" actId="478"/>
          <ac:picMkLst>
            <pc:docMk/>
            <pc:sldMk cId="1333988232" sldId="284"/>
            <ac:picMk id="11" creationId="{D8D825B6-08AF-70EE-DF30-829973E26AFF}"/>
          </ac:picMkLst>
        </pc:picChg>
        <pc:picChg chg="mod ord">
          <ac:chgData name="Ogot, Mark Lester" userId="0b3da0ae-959c-459a-985f-9d43681ba7f4" providerId="ADAL" clId="{740736AA-2D8A-477F-8F00-B7CA75F7113B}" dt="2023-02-21T13:01:09.017" v="210" actId="14100"/>
          <ac:picMkLst>
            <pc:docMk/>
            <pc:sldMk cId="1333988232" sldId="284"/>
            <ac:picMk id="14" creationId="{8B6CC499-3855-9742-3558-B5166EE87494}"/>
          </ac:picMkLst>
        </pc:picChg>
      </pc:sldChg>
      <pc:sldChg chg="delSp del ord delDesignElem">
        <pc:chgData name="Ogot, Mark Lester" userId="0b3da0ae-959c-459a-985f-9d43681ba7f4" providerId="ADAL" clId="{740736AA-2D8A-477F-8F00-B7CA75F7113B}" dt="2023-02-22T02:16:42.755" v="4260" actId="47"/>
        <pc:sldMkLst>
          <pc:docMk/>
          <pc:sldMk cId="1170124458" sldId="285"/>
        </pc:sldMkLst>
        <pc:spChg chg="del">
          <ac:chgData name="Ogot, Mark Lester" userId="0b3da0ae-959c-459a-985f-9d43681ba7f4" providerId="ADAL" clId="{740736AA-2D8A-477F-8F00-B7CA75F7113B}" dt="2023-02-21T23:05:20.284" v="2586"/>
          <ac:spMkLst>
            <pc:docMk/>
            <pc:sldMk cId="1170124458" sldId="285"/>
            <ac:spMk id="75" creationId="{71B2258F-86CA-4D4D-8270-BC05FCDEBFB3}"/>
          </ac:spMkLst>
        </pc:spChg>
      </pc:sldChg>
      <pc:sldChg chg="delSp del ord delDesignElem">
        <pc:chgData name="Ogot, Mark Lester" userId="0b3da0ae-959c-459a-985f-9d43681ba7f4" providerId="ADAL" clId="{740736AA-2D8A-477F-8F00-B7CA75F7113B}" dt="2023-02-22T02:16:42.755" v="4260" actId="47"/>
        <pc:sldMkLst>
          <pc:docMk/>
          <pc:sldMk cId="1897700392" sldId="286"/>
        </pc:sldMkLst>
        <pc:spChg chg="del">
          <ac:chgData name="Ogot, Mark Lester" userId="0b3da0ae-959c-459a-985f-9d43681ba7f4" providerId="ADAL" clId="{740736AA-2D8A-477F-8F00-B7CA75F7113B}" dt="2023-02-21T23:05:20.284" v="2586"/>
          <ac:spMkLst>
            <pc:docMk/>
            <pc:sldMk cId="1897700392" sldId="286"/>
            <ac:spMk id="75" creationId="{71B2258F-86CA-4D4D-8270-BC05FCDEBFB3}"/>
          </ac:spMkLst>
        </pc:spChg>
      </pc:sldChg>
      <pc:sldChg chg="addSp delSp modSp del mod ord">
        <pc:chgData name="Ogot, Mark Lester" userId="0b3da0ae-959c-459a-985f-9d43681ba7f4" providerId="ADAL" clId="{740736AA-2D8A-477F-8F00-B7CA75F7113B}" dt="2023-02-26T05:12:24.953" v="8273" actId="47"/>
        <pc:sldMkLst>
          <pc:docMk/>
          <pc:sldMk cId="1395847155" sldId="287"/>
        </pc:sldMkLst>
        <pc:spChg chg="add mod ord">
          <ac:chgData name="Ogot, Mark Lester" userId="0b3da0ae-959c-459a-985f-9d43681ba7f4" providerId="ADAL" clId="{740736AA-2D8A-477F-8F00-B7CA75F7113B}" dt="2023-02-22T03:41:14.435" v="4508" actId="167"/>
          <ac:spMkLst>
            <pc:docMk/>
            <pc:sldMk cId="1395847155" sldId="287"/>
            <ac:spMk id="2" creationId="{4473D57D-5666-F2A9-D4A7-35956F160EAC}"/>
          </ac:spMkLst>
        </pc:spChg>
        <pc:spChg chg="add mod">
          <ac:chgData name="Ogot, Mark Lester" userId="0b3da0ae-959c-459a-985f-9d43681ba7f4" providerId="ADAL" clId="{740736AA-2D8A-477F-8F00-B7CA75F7113B}" dt="2023-02-21T13:19:30.732" v="579" actId="1076"/>
          <ac:spMkLst>
            <pc:docMk/>
            <pc:sldMk cId="1395847155" sldId="287"/>
            <ac:spMk id="3" creationId="{ADD1847C-5A72-9379-0DDD-4495CB6D0090}"/>
          </ac:spMkLst>
        </pc:spChg>
        <pc:spChg chg="add mod">
          <ac:chgData name="Ogot, Mark Lester" userId="0b3da0ae-959c-459a-985f-9d43681ba7f4" providerId="ADAL" clId="{740736AA-2D8A-477F-8F00-B7CA75F7113B}" dt="2023-02-21T13:20:11.885" v="593" actId="1036"/>
          <ac:spMkLst>
            <pc:docMk/>
            <pc:sldMk cId="1395847155" sldId="287"/>
            <ac:spMk id="4" creationId="{61E00FAD-FC54-7728-EDAD-71D1B49FC870}"/>
          </ac:spMkLst>
        </pc:spChg>
        <pc:spChg chg="add mod ord">
          <ac:chgData name="Ogot, Mark Lester" userId="0b3da0ae-959c-459a-985f-9d43681ba7f4" providerId="ADAL" clId="{740736AA-2D8A-477F-8F00-B7CA75F7113B}" dt="2023-02-22T03:41:11.948" v="4507" actId="167"/>
          <ac:spMkLst>
            <pc:docMk/>
            <pc:sldMk cId="1395847155" sldId="287"/>
            <ac:spMk id="5" creationId="{B14C0E82-5E8C-2CD5-F286-A17096D1C866}"/>
          </ac:spMkLst>
        </pc:spChg>
        <pc:spChg chg="mod">
          <ac:chgData name="Ogot, Mark Lester" userId="0b3da0ae-959c-459a-985f-9d43681ba7f4" providerId="ADAL" clId="{740736AA-2D8A-477F-8F00-B7CA75F7113B}" dt="2023-02-21T13:38:06.941" v="979" actId="1076"/>
          <ac:spMkLst>
            <pc:docMk/>
            <pc:sldMk cId="1395847155" sldId="287"/>
            <ac:spMk id="6" creationId="{7767D992-D34A-F18B-784C-021BAD0B9320}"/>
          </ac:spMkLst>
        </pc:spChg>
        <pc:spChg chg="mod ord">
          <ac:chgData name="Ogot, Mark Lester" userId="0b3da0ae-959c-459a-985f-9d43681ba7f4" providerId="ADAL" clId="{740736AA-2D8A-477F-8F00-B7CA75F7113B}" dt="2023-02-22T03:44:24.547" v="4533" actId="403"/>
          <ac:spMkLst>
            <pc:docMk/>
            <pc:sldMk cId="1395847155" sldId="287"/>
            <ac:spMk id="7" creationId="{77BA449D-3886-BCA2-0734-A74CA98824FD}"/>
          </ac:spMkLst>
        </pc:spChg>
        <pc:spChg chg="add mod">
          <ac:chgData name="Ogot, Mark Lester" userId="0b3da0ae-959c-459a-985f-9d43681ba7f4" providerId="ADAL" clId="{740736AA-2D8A-477F-8F00-B7CA75F7113B}" dt="2023-02-21T13:19:34.658" v="580" actId="1076"/>
          <ac:spMkLst>
            <pc:docMk/>
            <pc:sldMk cId="1395847155" sldId="287"/>
            <ac:spMk id="8" creationId="{D682F56E-E5CE-8415-9F2D-68C281229858}"/>
          </ac:spMkLst>
        </pc:spChg>
        <pc:spChg chg="add del mod">
          <ac:chgData name="Ogot, Mark Lester" userId="0b3da0ae-959c-459a-985f-9d43681ba7f4" providerId="ADAL" clId="{740736AA-2D8A-477F-8F00-B7CA75F7113B}" dt="2023-02-21T13:18:06.853" v="552" actId="478"/>
          <ac:spMkLst>
            <pc:docMk/>
            <pc:sldMk cId="1395847155" sldId="287"/>
            <ac:spMk id="9" creationId="{73D8EFF3-7175-E7E5-0D18-90C185CBA678}"/>
          </ac:spMkLst>
        </pc:spChg>
        <pc:spChg chg="add mod">
          <ac:chgData name="Ogot, Mark Lester" userId="0b3da0ae-959c-459a-985f-9d43681ba7f4" providerId="ADAL" clId="{740736AA-2D8A-477F-8F00-B7CA75F7113B}" dt="2023-02-21T13:19:37.431" v="581" actId="1076"/>
          <ac:spMkLst>
            <pc:docMk/>
            <pc:sldMk cId="1395847155" sldId="287"/>
            <ac:spMk id="10" creationId="{0D7646CA-AA98-B7A1-8F92-15A269859DFA}"/>
          </ac:spMkLst>
        </pc:spChg>
        <pc:spChg chg="add mod">
          <ac:chgData name="Ogot, Mark Lester" userId="0b3da0ae-959c-459a-985f-9d43681ba7f4" providerId="ADAL" clId="{740736AA-2D8A-477F-8F00-B7CA75F7113B}" dt="2023-02-21T13:19:41.771" v="582" actId="1076"/>
          <ac:spMkLst>
            <pc:docMk/>
            <pc:sldMk cId="1395847155" sldId="287"/>
            <ac:spMk id="11" creationId="{A47202C4-4576-3D36-3C8A-D764B1450617}"/>
          </ac:spMkLst>
        </pc:spChg>
        <pc:spChg chg="add mod">
          <ac:chgData name="Ogot, Mark Lester" userId="0b3da0ae-959c-459a-985f-9d43681ba7f4" providerId="ADAL" clId="{740736AA-2D8A-477F-8F00-B7CA75F7113B}" dt="2023-02-21T13:20:39.060" v="623" actId="1035"/>
          <ac:spMkLst>
            <pc:docMk/>
            <pc:sldMk cId="1395847155" sldId="287"/>
            <ac:spMk id="12" creationId="{F7210D32-6AFC-98DB-CFB3-31D9DAC6817F}"/>
          </ac:spMkLst>
        </pc:spChg>
      </pc:sldChg>
      <pc:sldChg chg="addSp delSp modSp del mod modAnim modShow">
        <pc:chgData name="Ogot, Mark Lester" userId="0b3da0ae-959c-459a-985f-9d43681ba7f4" providerId="ADAL" clId="{740736AA-2D8A-477F-8F00-B7CA75F7113B}" dt="2023-02-26T05:12:24.953" v="8273" actId="47"/>
        <pc:sldMkLst>
          <pc:docMk/>
          <pc:sldMk cId="3880424212" sldId="288"/>
        </pc:sldMkLst>
        <pc:spChg chg="add del mod">
          <ac:chgData name="Ogot, Mark Lester" userId="0b3da0ae-959c-459a-985f-9d43681ba7f4" providerId="ADAL" clId="{740736AA-2D8A-477F-8F00-B7CA75F7113B}" dt="2023-02-21T13:22:25.433" v="628" actId="478"/>
          <ac:spMkLst>
            <pc:docMk/>
            <pc:sldMk cId="3880424212" sldId="288"/>
            <ac:spMk id="4" creationId="{AD2DE278-B766-4F79-786D-A45BD563428A}"/>
          </ac:spMkLst>
        </pc:spChg>
        <pc:spChg chg="del mod">
          <ac:chgData name="Ogot, Mark Lester" userId="0b3da0ae-959c-459a-985f-9d43681ba7f4" providerId="ADAL" clId="{740736AA-2D8A-477F-8F00-B7CA75F7113B}" dt="2023-02-21T13:22:23.845" v="627" actId="478"/>
          <ac:spMkLst>
            <pc:docMk/>
            <pc:sldMk cId="3880424212" sldId="288"/>
            <ac:spMk id="5" creationId="{2DE1F696-D012-DF9E-1784-687CD62A7C7A}"/>
          </ac:spMkLst>
        </pc:spChg>
        <pc:spChg chg="add mod">
          <ac:chgData name="Ogot, Mark Lester" userId="0b3da0ae-959c-459a-985f-9d43681ba7f4" providerId="ADAL" clId="{740736AA-2D8A-477F-8F00-B7CA75F7113B}" dt="2023-02-21T13:32:24.560" v="788" actId="14100"/>
          <ac:spMkLst>
            <pc:docMk/>
            <pc:sldMk cId="3880424212" sldId="288"/>
            <ac:spMk id="7" creationId="{178D7C2C-1386-9767-128B-55FB3AB7EA27}"/>
          </ac:spMkLst>
        </pc:spChg>
        <pc:spChg chg="add del mod">
          <ac:chgData name="Ogot, Mark Lester" userId="0b3da0ae-959c-459a-985f-9d43681ba7f4" providerId="ADAL" clId="{740736AA-2D8A-477F-8F00-B7CA75F7113B}" dt="2023-02-21T13:25:51.596" v="672" actId="478"/>
          <ac:spMkLst>
            <pc:docMk/>
            <pc:sldMk cId="3880424212" sldId="288"/>
            <ac:spMk id="8" creationId="{F760A595-7221-4EB8-09B4-B09C6E7E2754}"/>
          </ac:spMkLst>
        </pc:spChg>
        <pc:spChg chg="add mod">
          <ac:chgData name="Ogot, Mark Lester" userId="0b3da0ae-959c-459a-985f-9d43681ba7f4" providerId="ADAL" clId="{740736AA-2D8A-477F-8F00-B7CA75F7113B}" dt="2023-02-21T13:31:56.921" v="773" actId="692"/>
          <ac:spMkLst>
            <pc:docMk/>
            <pc:sldMk cId="3880424212" sldId="288"/>
            <ac:spMk id="9" creationId="{5B660516-50F7-FB3F-9C65-70E3B68FB8C8}"/>
          </ac:spMkLst>
        </pc:spChg>
        <pc:spChg chg="add mod">
          <ac:chgData name="Ogot, Mark Lester" userId="0b3da0ae-959c-459a-985f-9d43681ba7f4" providerId="ADAL" clId="{740736AA-2D8A-477F-8F00-B7CA75F7113B}" dt="2023-02-21T13:27:45.321" v="706" actId="6549"/>
          <ac:spMkLst>
            <pc:docMk/>
            <pc:sldMk cId="3880424212" sldId="288"/>
            <ac:spMk id="10" creationId="{29391AFE-F8C8-CFEB-A7DC-B416CBEA3A34}"/>
          </ac:spMkLst>
        </pc:spChg>
        <pc:picChg chg="mod">
          <ac:chgData name="Ogot, Mark Lester" userId="0b3da0ae-959c-459a-985f-9d43681ba7f4" providerId="ADAL" clId="{740736AA-2D8A-477F-8F00-B7CA75F7113B}" dt="2023-02-21T13:24:59.133" v="658" actId="1076"/>
          <ac:picMkLst>
            <pc:docMk/>
            <pc:sldMk cId="3880424212" sldId="288"/>
            <ac:picMk id="2" creationId="{3477DC76-3F92-9321-1D52-687C632D2994}"/>
          </ac:picMkLst>
        </pc:picChg>
      </pc:sldChg>
      <pc:sldChg chg="addSp delSp modSp add mod modAnim modNotesTx">
        <pc:chgData name="Ogot, Mark Lester" userId="0b3da0ae-959c-459a-985f-9d43681ba7f4" providerId="ADAL" clId="{740736AA-2D8A-477F-8F00-B7CA75F7113B}" dt="2023-02-22T23:10:19.504" v="7500" actId="478"/>
        <pc:sldMkLst>
          <pc:docMk/>
          <pc:sldMk cId="1907019745" sldId="1378"/>
        </pc:sldMkLst>
        <pc:spChg chg="mod">
          <ac:chgData name="Ogot, Mark Lester" userId="0b3da0ae-959c-459a-985f-9d43681ba7f4" providerId="ADAL" clId="{740736AA-2D8A-477F-8F00-B7CA75F7113B}" dt="2023-02-21T13:05:51.038" v="329" actId="1076"/>
          <ac:spMkLst>
            <pc:docMk/>
            <pc:sldMk cId="1907019745" sldId="1378"/>
            <ac:spMk id="3" creationId="{7848736F-4E10-CD2D-64FD-9E7C6344DB9E}"/>
          </ac:spMkLst>
        </pc:spChg>
        <pc:spChg chg="mod">
          <ac:chgData name="Ogot, Mark Lester" userId="0b3da0ae-959c-459a-985f-9d43681ba7f4" providerId="ADAL" clId="{740736AA-2D8A-477F-8F00-B7CA75F7113B}" dt="2023-02-21T13:04:28.443" v="262" actId="1076"/>
          <ac:spMkLst>
            <pc:docMk/>
            <pc:sldMk cId="1907019745" sldId="1378"/>
            <ac:spMk id="5" creationId="{6CB9BD5D-D686-B105-3AEA-14727EF2A132}"/>
          </ac:spMkLst>
        </pc:spChg>
        <pc:spChg chg="mod">
          <ac:chgData name="Ogot, Mark Lester" userId="0b3da0ae-959c-459a-985f-9d43681ba7f4" providerId="ADAL" clId="{740736AA-2D8A-477F-8F00-B7CA75F7113B}" dt="2023-02-21T13:04:27.420" v="260" actId="1076"/>
          <ac:spMkLst>
            <pc:docMk/>
            <pc:sldMk cId="1907019745" sldId="1378"/>
            <ac:spMk id="7" creationId="{81E09F9B-A3CC-6C4F-8C04-B09DE790EFB5}"/>
          </ac:spMkLst>
        </pc:spChg>
        <pc:spChg chg="mod">
          <ac:chgData name="Ogot, Mark Lester" userId="0b3da0ae-959c-459a-985f-9d43681ba7f4" providerId="ADAL" clId="{740736AA-2D8A-477F-8F00-B7CA75F7113B}" dt="2023-02-21T13:04:28.440" v="261" actId="1076"/>
          <ac:spMkLst>
            <pc:docMk/>
            <pc:sldMk cId="1907019745" sldId="1378"/>
            <ac:spMk id="8" creationId="{4046D443-B27F-64E2-870E-C9EA21F0F56D}"/>
          </ac:spMkLst>
        </pc:spChg>
        <pc:spChg chg="mod">
          <ac:chgData name="Ogot, Mark Lester" userId="0b3da0ae-959c-459a-985f-9d43681ba7f4" providerId="ADAL" clId="{740736AA-2D8A-477F-8F00-B7CA75F7113B}" dt="2023-02-21T12:48:26.793" v="38" actId="20577"/>
          <ac:spMkLst>
            <pc:docMk/>
            <pc:sldMk cId="1907019745" sldId="1378"/>
            <ac:spMk id="9" creationId="{2DA62925-C705-CAA0-3092-D75D9B6DA746}"/>
          </ac:spMkLst>
        </pc:spChg>
        <pc:spChg chg="add del mod">
          <ac:chgData name="Ogot, Mark Lester" userId="0b3da0ae-959c-459a-985f-9d43681ba7f4" providerId="ADAL" clId="{740736AA-2D8A-477F-8F00-B7CA75F7113B}" dt="2023-02-21T13:00:37.504" v="208" actId="478"/>
          <ac:spMkLst>
            <pc:docMk/>
            <pc:sldMk cId="1907019745" sldId="1378"/>
            <ac:spMk id="12" creationId="{4A932A6C-F426-1026-5C7C-45222EAF8515}"/>
          </ac:spMkLst>
        </pc:spChg>
        <pc:spChg chg="add mod">
          <ac:chgData name="Ogot, Mark Lester" userId="0b3da0ae-959c-459a-985f-9d43681ba7f4" providerId="ADAL" clId="{740736AA-2D8A-477F-8F00-B7CA75F7113B}" dt="2023-02-21T13:04:24.094" v="250" actId="571"/>
          <ac:spMkLst>
            <pc:docMk/>
            <pc:sldMk cId="1907019745" sldId="1378"/>
            <ac:spMk id="14" creationId="{67FD4121-930F-1F99-ECE5-8BB7C9140677}"/>
          </ac:spMkLst>
        </pc:spChg>
        <pc:spChg chg="add mod">
          <ac:chgData name="Ogot, Mark Lester" userId="0b3da0ae-959c-459a-985f-9d43681ba7f4" providerId="ADAL" clId="{740736AA-2D8A-477F-8F00-B7CA75F7113B}" dt="2023-02-21T13:04:24.094" v="250" actId="571"/>
          <ac:spMkLst>
            <pc:docMk/>
            <pc:sldMk cId="1907019745" sldId="1378"/>
            <ac:spMk id="16" creationId="{F6EDD841-614C-4D91-85D1-C841ED2D7B12}"/>
          </ac:spMkLst>
        </pc:spChg>
        <pc:spChg chg="add mod">
          <ac:chgData name="Ogot, Mark Lester" userId="0b3da0ae-959c-459a-985f-9d43681ba7f4" providerId="ADAL" clId="{740736AA-2D8A-477F-8F00-B7CA75F7113B}" dt="2023-02-21T13:04:24.094" v="250" actId="571"/>
          <ac:spMkLst>
            <pc:docMk/>
            <pc:sldMk cId="1907019745" sldId="1378"/>
            <ac:spMk id="17" creationId="{9C9B2FF3-8B0F-D3E6-B65B-14546DFC27E5}"/>
          </ac:spMkLst>
        </pc:spChg>
        <pc:spChg chg="add mod">
          <ac:chgData name="Ogot, Mark Lester" userId="0b3da0ae-959c-459a-985f-9d43681ba7f4" providerId="ADAL" clId="{740736AA-2D8A-477F-8F00-B7CA75F7113B}" dt="2023-02-21T13:06:59.877" v="372" actId="1035"/>
          <ac:spMkLst>
            <pc:docMk/>
            <pc:sldMk cId="1907019745" sldId="1378"/>
            <ac:spMk id="19" creationId="{B07D8100-0766-EEBA-3376-B5451EA95368}"/>
          </ac:spMkLst>
        </pc:spChg>
        <pc:spChg chg="add mod">
          <ac:chgData name="Ogot, Mark Lester" userId="0b3da0ae-959c-459a-985f-9d43681ba7f4" providerId="ADAL" clId="{740736AA-2D8A-477F-8F00-B7CA75F7113B}" dt="2023-02-21T13:06:59.877" v="372" actId="1035"/>
          <ac:spMkLst>
            <pc:docMk/>
            <pc:sldMk cId="1907019745" sldId="1378"/>
            <ac:spMk id="20" creationId="{33C0C73B-A7FC-FE12-CDD8-3F77D34354A5}"/>
          </ac:spMkLst>
        </pc:spChg>
        <pc:spChg chg="add mod">
          <ac:chgData name="Ogot, Mark Lester" userId="0b3da0ae-959c-459a-985f-9d43681ba7f4" providerId="ADAL" clId="{740736AA-2D8A-477F-8F00-B7CA75F7113B}" dt="2023-02-21T13:05:55.912" v="332" actId="571"/>
          <ac:spMkLst>
            <pc:docMk/>
            <pc:sldMk cId="1907019745" sldId="1378"/>
            <ac:spMk id="21" creationId="{F43E2DCE-4D9C-14FF-70CD-4F62D6F4373F}"/>
          </ac:spMkLst>
        </pc:spChg>
        <pc:spChg chg="add mod">
          <ac:chgData name="Ogot, Mark Lester" userId="0b3da0ae-959c-459a-985f-9d43681ba7f4" providerId="ADAL" clId="{740736AA-2D8A-477F-8F00-B7CA75F7113B}" dt="2023-02-21T13:06:59.877" v="372" actId="1035"/>
          <ac:spMkLst>
            <pc:docMk/>
            <pc:sldMk cId="1907019745" sldId="1378"/>
            <ac:spMk id="22" creationId="{13F6483C-75BD-9788-1E69-4611EDCA11AD}"/>
          </ac:spMkLst>
        </pc:spChg>
        <pc:spChg chg="mod">
          <ac:chgData name="Ogot, Mark Lester" userId="0b3da0ae-959c-459a-985f-9d43681ba7f4" providerId="ADAL" clId="{740736AA-2D8A-477F-8F00-B7CA75F7113B}" dt="2023-02-22T03:32:51.370" v="4488" actId="208"/>
          <ac:spMkLst>
            <pc:docMk/>
            <pc:sldMk cId="1907019745" sldId="1378"/>
            <ac:spMk id="27" creationId="{2D7CF633-4D3B-732F-4A64-E50F50EF496B}"/>
          </ac:spMkLst>
        </pc:spChg>
        <pc:picChg chg="add mod">
          <ac:chgData name="Ogot, Mark Lester" userId="0b3da0ae-959c-459a-985f-9d43681ba7f4" providerId="ADAL" clId="{740736AA-2D8A-477F-8F00-B7CA75F7113B}" dt="2023-02-22T02:44:13.026" v="4279" actId="1076"/>
          <ac:picMkLst>
            <pc:docMk/>
            <pc:sldMk cId="1907019745" sldId="1378"/>
            <ac:picMk id="2" creationId="{97EE50F8-126C-3CF9-4105-C68B3C14685D}"/>
          </ac:picMkLst>
        </pc:picChg>
        <pc:picChg chg="mod">
          <ac:chgData name="Ogot, Mark Lester" userId="0b3da0ae-959c-459a-985f-9d43681ba7f4" providerId="ADAL" clId="{740736AA-2D8A-477F-8F00-B7CA75F7113B}" dt="2023-02-21T13:04:28.443" v="262" actId="1076"/>
          <ac:picMkLst>
            <pc:docMk/>
            <pc:sldMk cId="1907019745" sldId="1378"/>
            <ac:picMk id="2" creationId="{98094203-AFBA-F244-7E2F-E44FF6828596}"/>
          </ac:picMkLst>
        </pc:picChg>
        <pc:picChg chg="add mod">
          <ac:chgData name="Ogot, Mark Lester" userId="0b3da0ae-959c-459a-985f-9d43681ba7f4" providerId="ADAL" clId="{740736AA-2D8A-477F-8F00-B7CA75F7113B}" dt="2023-02-22T02:39:09.003" v="4275" actId="1076"/>
          <ac:picMkLst>
            <pc:docMk/>
            <pc:sldMk cId="1907019745" sldId="1378"/>
            <ac:picMk id="2" creationId="{D43ED8DB-FFF7-EBE4-F2BF-24126A2E906A}"/>
          </ac:picMkLst>
        </pc:picChg>
        <pc:picChg chg="mod">
          <ac:chgData name="Ogot, Mark Lester" userId="0b3da0ae-959c-459a-985f-9d43681ba7f4" providerId="ADAL" clId="{740736AA-2D8A-477F-8F00-B7CA75F7113B}" dt="2023-02-21T13:04:27.420" v="260" actId="1076"/>
          <ac:picMkLst>
            <pc:docMk/>
            <pc:sldMk cId="1907019745" sldId="1378"/>
            <ac:picMk id="6" creationId="{D3DE0544-796D-D77C-158C-ABE066492AB2}"/>
          </ac:picMkLst>
        </pc:picChg>
        <pc:picChg chg="mod">
          <ac:chgData name="Ogot, Mark Lester" userId="0b3da0ae-959c-459a-985f-9d43681ba7f4" providerId="ADAL" clId="{740736AA-2D8A-477F-8F00-B7CA75F7113B}" dt="2023-02-21T13:04:28.440" v="261" actId="1076"/>
          <ac:picMkLst>
            <pc:docMk/>
            <pc:sldMk cId="1907019745" sldId="1378"/>
            <ac:picMk id="10" creationId="{21D3F070-21DF-ED25-39DF-AFA0D9BC2FA0}"/>
          </ac:picMkLst>
        </pc:picChg>
        <pc:picChg chg="add del">
          <ac:chgData name="Ogot, Mark Lester" userId="0b3da0ae-959c-459a-985f-9d43681ba7f4" providerId="ADAL" clId="{740736AA-2D8A-477F-8F00-B7CA75F7113B}" dt="2023-02-21T12:46:03.507" v="2"/>
          <ac:picMkLst>
            <pc:docMk/>
            <pc:sldMk cId="1907019745" sldId="1378"/>
            <ac:picMk id="11" creationId="{C9DFBD26-53D6-E8A9-85FC-26C5FC677B37}"/>
          </ac:picMkLst>
        </pc:picChg>
        <pc:picChg chg="add mod">
          <ac:chgData name="Ogot, Mark Lester" userId="0b3da0ae-959c-459a-985f-9d43681ba7f4" providerId="ADAL" clId="{740736AA-2D8A-477F-8F00-B7CA75F7113B}" dt="2023-02-21T13:04:24.094" v="250" actId="571"/>
          <ac:picMkLst>
            <pc:docMk/>
            <pc:sldMk cId="1907019745" sldId="1378"/>
            <ac:picMk id="13" creationId="{2456FEE4-43D6-285B-C432-EFCAC600735F}"/>
          </ac:picMkLst>
        </pc:picChg>
        <pc:picChg chg="add mod">
          <ac:chgData name="Ogot, Mark Lester" userId="0b3da0ae-959c-459a-985f-9d43681ba7f4" providerId="ADAL" clId="{740736AA-2D8A-477F-8F00-B7CA75F7113B}" dt="2023-02-21T13:04:24.094" v="250" actId="571"/>
          <ac:picMkLst>
            <pc:docMk/>
            <pc:sldMk cId="1907019745" sldId="1378"/>
            <ac:picMk id="15" creationId="{27CF89CF-23BF-025F-B967-CB9B75B0A705}"/>
          </ac:picMkLst>
        </pc:picChg>
        <pc:picChg chg="add mod">
          <ac:chgData name="Ogot, Mark Lester" userId="0b3da0ae-959c-459a-985f-9d43681ba7f4" providerId="ADAL" clId="{740736AA-2D8A-477F-8F00-B7CA75F7113B}" dt="2023-02-21T13:04:24.094" v="250" actId="571"/>
          <ac:picMkLst>
            <pc:docMk/>
            <pc:sldMk cId="1907019745" sldId="1378"/>
            <ac:picMk id="18" creationId="{768C8A09-C67A-DA6B-871D-AB00F5901D8B}"/>
          </ac:picMkLst>
        </pc:picChg>
        <pc:picChg chg="add del mod">
          <ac:chgData name="Ogot, Mark Lester" userId="0b3da0ae-959c-459a-985f-9d43681ba7f4" providerId="ADAL" clId="{740736AA-2D8A-477F-8F00-B7CA75F7113B}" dt="2023-02-21T13:04:31.015" v="264" actId="478"/>
          <ac:picMkLst>
            <pc:docMk/>
            <pc:sldMk cId="1907019745" sldId="1378"/>
            <ac:picMk id="1026" creationId="{5F339868-9A23-31F5-8BB6-F142F48DA7E9}"/>
          </ac:picMkLst>
        </pc:picChg>
        <pc:picChg chg="mod">
          <ac:chgData name="Ogot, Mark Lester" userId="0b3da0ae-959c-459a-985f-9d43681ba7f4" providerId="ADAL" clId="{740736AA-2D8A-477F-8F00-B7CA75F7113B}" dt="2023-02-22T03:43:55.726" v="4521" actId="1076"/>
          <ac:picMkLst>
            <pc:docMk/>
            <pc:sldMk cId="1907019745" sldId="1378"/>
            <ac:picMk id="1026" creationId="{D814F771-6206-DB54-2FD1-AA79AAF63570}"/>
          </ac:picMkLst>
        </pc:picChg>
        <pc:picChg chg="mod">
          <ac:chgData name="Ogot, Mark Lester" userId="0b3da0ae-959c-459a-985f-9d43681ba7f4" providerId="ADAL" clId="{740736AA-2D8A-477F-8F00-B7CA75F7113B}" dt="2023-02-21T13:05:54.901" v="330" actId="1076"/>
          <ac:picMkLst>
            <pc:docMk/>
            <pc:sldMk cId="1907019745" sldId="1378"/>
            <ac:picMk id="3074" creationId="{806E0064-F411-DA55-BB40-649321A53806}"/>
          </ac:picMkLst>
        </pc:picChg>
        <pc:picChg chg="add mod">
          <ac:chgData name="Ogot, Mark Lester" userId="0b3da0ae-959c-459a-985f-9d43681ba7f4" providerId="ADAL" clId="{740736AA-2D8A-477F-8F00-B7CA75F7113B}" dt="2023-02-22T02:46:11.121" v="4283" actId="1076"/>
          <ac:picMkLst>
            <pc:docMk/>
            <pc:sldMk cId="1907019745" sldId="1378"/>
            <ac:picMk id="4098" creationId="{7C79449B-18AD-054C-E256-7128B6D90CF0}"/>
          </ac:picMkLst>
        </pc:picChg>
        <pc:cxnChg chg="del">
          <ac:chgData name="Ogot, Mark Lester" userId="0b3da0ae-959c-459a-985f-9d43681ba7f4" providerId="ADAL" clId="{740736AA-2D8A-477F-8F00-B7CA75F7113B}" dt="2023-02-22T23:10:18.776" v="7499" actId="478"/>
          <ac:cxnSpMkLst>
            <pc:docMk/>
            <pc:sldMk cId="1907019745" sldId="1378"/>
            <ac:cxnSpMk id="12" creationId="{E491CAEF-7453-0D16-C74A-DE0D4D9CE8C6}"/>
          </ac:cxnSpMkLst>
        </pc:cxnChg>
        <pc:cxnChg chg="del">
          <ac:chgData name="Ogot, Mark Lester" userId="0b3da0ae-959c-459a-985f-9d43681ba7f4" providerId="ADAL" clId="{740736AA-2D8A-477F-8F00-B7CA75F7113B}" dt="2023-02-22T23:10:19.504" v="7500" actId="478"/>
          <ac:cxnSpMkLst>
            <pc:docMk/>
            <pc:sldMk cId="1907019745" sldId="1378"/>
            <ac:cxnSpMk id="17" creationId="{3C0A6619-340F-7CB3-DDA4-16B9BADE4D48}"/>
          </ac:cxnSpMkLst>
        </pc:cxnChg>
        <pc:cxnChg chg="del">
          <ac:chgData name="Ogot, Mark Lester" userId="0b3da0ae-959c-459a-985f-9d43681ba7f4" providerId="ADAL" clId="{740736AA-2D8A-477F-8F00-B7CA75F7113B}" dt="2023-02-22T23:10:17.015" v="7498" actId="478"/>
          <ac:cxnSpMkLst>
            <pc:docMk/>
            <pc:sldMk cId="1907019745" sldId="1378"/>
            <ac:cxnSpMk id="18" creationId="{26B81832-76BE-DBB9-B98E-E7C6364BE2CB}"/>
          </ac:cxnSpMkLst>
        </pc:cxnChg>
        <pc:cxnChg chg="del">
          <ac:chgData name="Ogot, Mark Lester" userId="0b3da0ae-959c-459a-985f-9d43681ba7f4" providerId="ADAL" clId="{740736AA-2D8A-477F-8F00-B7CA75F7113B}" dt="2023-02-22T23:10:16.299" v="7497" actId="478"/>
          <ac:cxnSpMkLst>
            <pc:docMk/>
            <pc:sldMk cId="1907019745" sldId="1378"/>
            <ac:cxnSpMk id="21" creationId="{BC16FFB4-5FE7-BB3F-82DB-3D3C4AC315EA}"/>
          </ac:cxnSpMkLst>
        </pc:cxnChg>
      </pc:sldChg>
      <pc:sldChg chg="addSp delSp modSp add del mod modShow">
        <pc:chgData name="Ogot, Mark Lester" userId="0b3da0ae-959c-459a-985f-9d43681ba7f4" providerId="ADAL" clId="{740736AA-2D8A-477F-8F00-B7CA75F7113B}" dt="2023-02-26T05:12:24.953" v="8273" actId="47"/>
        <pc:sldMkLst>
          <pc:docMk/>
          <pc:sldMk cId="3278625977" sldId="1379"/>
        </pc:sldMkLst>
        <pc:spChg chg="add mod">
          <ac:chgData name="Ogot, Mark Lester" userId="0b3da0ae-959c-459a-985f-9d43681ba7f4" providerId="ADAL" clId="{740736AA-2D8A-477F-8F00-B7CA75F7113B}" dt="2023-02-21T13:31:32.982" v="765" actId="1076"/>
          <ac:spMkLst>
            <pc:docMk/>
            <pc:sldMk cId="3278625977" sldId="1379"/>
            <ac:spMk id="3" creationId="{EFF2FE96-6054-37B6-0DFA-3D714C973F4A}"/>
          </ac:spMkLst>
        </pc:spChg>
        <pc:spChg chg="mod">
          <ac:chgData name="Ogot, Mark Lester" userId="0b3da0ae-959c-459a-985f-9d43681ba7f4" providerId="ADAL" clId="{740736AA-2D8A-477F-8F00-B7CA75F7113B}" dt="2023-02-21T13:28:27.495" v="725" actId="20577"/>
          <ac:spMkLst>
            <pc:docMk/>
            <pc:sldMk cId="3278625977" sldId="1379"/>
            <ac:spMk id="6" creationId="{4C70907C-75ED-6AEA-2345-7F8C2FFE9433}"/>
          </ac:spMkLst>
        </pc:spChg>
        <pc:spChg chg="del">
          <ac:chgData name="Ogot, Mark Lester" userId="0b3da0ae-959c-459a-985f-9d43681ba7f4" providerId="ADAL" clId="{740736AA-2D8A-477F-8F00-B7CA75F7113B}" dt="2023-02-21T13:28:20.957" v="708" actId="478"/>
          <ac:spMkLst>
            <pc:docMk/>
            <pc:sldMk cId="3278625977" sldId="1379"/>
            <ac:spMk id="7" creationId="{178D7C2C-1386-9767-128B-55FB3AB7EA27}"/>
          </ac:spMkLst>
        </pc:spChg>
        <pc:spChg chg="del">
          <ac:chgData name="Ogot, Mark Lester" userId="0b3da0ae-959c-459a-985f-9d43681ba7f4" providerId="ADAL" clId="{740736AA-2D8A-477F-8F00-B7CA75F7113B}" dt="2023-02-21T13:31:22.997" v="761" actId="478"/>
          <ac:spMkLst>
            <pc:docMk/>
            <pc:sldMk cId="3278625977" sldId="1379"/>
            <ac:spMk id="9" creationId="{5B660516-50F7-FB3F-9C65-70E3B68FB8C8}"/>
          </ac:spMkLst>
        </pc:spChg>
        <pc:spChg chg="mod">
          <ac:chgData name="Ogot, Mark Lester" userId="0b3da0ae-959c-459a-985f-9d43681ba7f4" providerId="ADAL" clId="{740736AA-2D8A-477F-8F00-B7CA75F7113B}" dt="2023-02-21T13:32:55.191" v="791" actId="14100"/>
          <ac:spMkLst>
            <pc:docMk/>
            <pc:sldMk cId="3278625977" sldId="1379"/>
            <ac:spMk id="10" creationId="{29391AFE-F8C8-CFEB-A7DC-B416CBEA3A34}"/>
          </ac:spMkLst>
        </pc:spChg>
        <pc:graphicFrameChg chg="add del mod modGraphic">
          <ac:chgData name="Ogot, Mark Lester" userId="0b3da0ae-959c-459a-985f-9d43681ba7f4" providerId="ADAL" clId="{740736AA-2D8A-477F-8F00-B7CA75F7113B}" dt="2023-02-21T23:50:33.233" v="3080" actId="478"/>
          <ac:graphicFrameMkLst>
            <pc:docMk/>
            <pc:sldMk cId="3278625977" sldId="1379"/>
            <ac:graphicFrameMk id="4" creationId="{A16BF55E-6772-7643-7A5D-484E4AC6328B}"/>
          </ac:graphicFrameMkLst>
        </pc:graphicFrameChg>
        <pc:picChg chg="del mod">
          <ac:chgData name="Ogot, Mark Lester" userId="0b3da0ae-959c-459a-985f-9d43681ba7f4" providerId="ADAL" clId="{740736AA-2D8A-477F-8F00-B7CA75F7113B}" dt="2023-02-21T13:31:24.430" v="762" actId="478"/>
          <ac:picMkLst>
            <pc:docMk/>
            <pc:sldMk cId="3278625977" sldId="1379"/>
            <ac:picMk id="2" creationId="{3477DC76-3F92-9321-1D52-687C632D2994}"/>
          </ac:picMkLst>
        </pc:picChg>
        <pc:picChg chg="add mod">
          <ac:chgData name="Ogot, Mark Lester" userId="0b3da0ae-959c-459a-985f-9d43681ba7f4" providerId="ADAL" clId="{740736AA-2D8A-477F-8F00-B7CA75F7113B}" dt="2023-02-21T23:51:42.255" v="3090" actId="1076"/>
          <ac:picMkLst>
            <pc:docMk/>
            <pc:sldMk cId="3278625977" sldId="1379"/>
            <ac:picMk id="8" creationId="{6ECBA155-225B-C37E-99EA-FBF518543126}"/>
          </ac:picMkLst>
        </pc:picChg>
      </pc:sldChg>
      <pc:sldChg chg="addSp delSp modSp add del mod modShow">
        <pc:chgData name="Ogot, Mark Lester" userId="0b3da0ae-959c-459a-985f-9d43681ba7f4" providerId="ADAL" clId="{740736AA-2D8A-477F-8F00-B7CA75F7113B}" dt="2023-02-26T05:12:24.953" v="8273" actId="47"/>
        <pc:sldMkLst>
          <pc:docMk/>
          <pc:sldMk cId="2993685723" sldId="1380"/>
        </pc:sldMkLst>
        <pc:spChg chg="mod ord">
          <ac:chgData name="Ogot, Mark Lester" userId="0b3da0ae-959c-459a-985f-9d43681ba7f4" providerId="ADAL" clId="{740736AA-2D8A-477F-8F00-B7CA75F7113B}" dt="2023-02-22T03:45:30.106" v="4539" actId="167"/>
          <ac:spMkLst>
            <pc:docMk/>
            <pc:sldMk cId="2993685723" sldId="1380"/>
            <ac:spMk id="2" creationId="{4473D57D-5666-F2A9-D4A7-35956F160EAC}"/>
          </ac:spMkLst>
        </pc:spChg>
        <pc:spChg chg="add del ord">
          <ac:chgData name="Ogot, Mark Lester" userId="0b3da0ae-959c-459a-985f-9d43681ba7f4" providerId="ADAL" clId="{740736AA-2D8A-477F-8F00-B7CA75F7113B}" dt="2023-02-22T03:45:28.491" v="4538" actId="167"/>
          <ac:spMkLst>
            <pc:docMk/>
            <pc:sldMk cId="2993685723" sldId="1380"/>
            <ac:spMk id="5" creationId="{B14C0E82-5E8C-2CD5-F286-A17096D1C866}"/>
          </ac:spMkLst>
        </pc:spChg>
        <pc:spChg chg="mod">
          <ac:chgData name="Ogot, Mark Lester" userId="0b3da0ae-959c-459a-985f-9d43681ba7f4" providerId="ADAL" clId="{740736AA-2D8A-477F-8F00-B7CA75F7113B}" dt="2023-02-21T13:42:02.460" v="1001" actId="14100"/>
          <ac:spMkLst>
            <pc:docMk/>
            <pc:sldMk cId="2993685723" sldId="1380"/>
            <ac:spMk id="6" creationId="{7767D992-D34A-F18B-784C-021BAD0B9320}"/>
          </ac:spMkLst>
        </pc:spChg>
        <pc:spChg chg="del">
          <ac:chgData name="Ogot, Mark Lester" userId="0b3da0ae-959c-459a-985f-9d43681ba7f4" providerId="ADAL" clId="{740736AA-2D8A-477F-8F00-B7CA75F7113B}" dt="2023-02-22T03:45:32.705" v="4540" actId="478"/>
          <ac:spMkLst>
            <pc:docMk/>
            <pc:sldMk cId="2993685723" sldId="1380"/>
            <ac:spMk id="7" creationId="{77BA449D-3886-BCA2-0734-A74CA98824FD}"/>
          </ac:spMkLst>
        </pc:spChg>
        <pc:spChg chg="add mod">
          <ac:chgData name="Ogot, Mark Lester" userId="0b3da0ae-959c-459a-985f-9d43681ba7f4" providerId="ADAL" clId="{740736AA-2D8A-477F-8F00-B7CA75F7113B}" dt="2023-02-21T13:42:00.156" v="1000" actId="571"/>
          <ac:spMkLst>
            <pc:docMk/>
            <pc:sldMk cId="2993685723" sldId="1380"/>
            <ac:spMk id="9" creationId="{412F8769-6316-1B16-EA3E-248BED5634F7}"/>
          </ac:spMkLst>
        </pc:spChg>
        <pc:spChg chg="mod">
          <ac:chgData name="Ogot, Mark Lester" userId="0b3da0ae-959c-459a-985f-9d43681ba7f4" providerId="ADAL" clId="{740736AA-2D8A-477F-8F00-B7CA75F7113B}" dt="2023-02-21T13:42:50.995" v="1017" actId="20577"/>
          <ac:spMkLst>
            <pc:docMk/>
            <pc:sldMk cId="2993685723" sldId="1380"/>
            <ac:spMk id="11" creationId="{A47202C4-4576-3D36-3C8A-D764B1450617}"/>
          </ac:spMkLst>
        </pc:spChg>
        <pc:spChg chg="mod">
          <ac:chgData name="Ogot, Mark Lester" userId="0b3da0ae-959c-459a-985f-9d43681ba7f4" providerId="ADAL" clId="{740736AA-2D8A-477F-8F00-B7CA75F7113B}" dt="2023-02-21T13:43:26.672" v="1049" actId="27636"/>
          <ac:spMkLst>
            <pc:docMk/>
            <pc:sldMk cId="2993685723" sldId="1380"/>
            <ac:spMk id="12" creationId="{F7210D32-6AFC-98DB-CFB3-31D9DAC6817F}"/>
          </ac:spMkLst>
        </pc:spChg>
        <pc:spChg chg="add mod">
          <ac:chgData name="Ogot, Mark Lester" userId="0b3da0ae-959c-459a-985f-9d43681ba7f4" providerId="ADAL" clId="{740736AA-2D8A-477F-8F00-B7CA75F7113B}" dt="2023-02-21T13:42:39.637" v="1003" actId="1076"/>
          <ac:spMkLst>
            <pc:docMk/>
            <pc:sldMk cId="2993685723" sldId="1380"/>
            <ac:spMk id="13" creationId="{E4BF32FD-C3A4-0A42-780A-13A48622D705}"/>
          </ac:spMkLst>
        </pc:spChg>
        <pc:spChg chg="add del mod">
          <ac:chgData name="Ogot, Mark Lester" userId="0b3da0ae-959c-459a-985f-9d43681ba7f4" providerId="ADAL" clId="{740736AA-2D8A-477F-8F00-B7CA75F7113B}" dt="2023-02-21T23:07:04.114" v="2643"/>
          <ac:spMkLst>
            <pc:docMk/>
            <pc:sldMk cId="2993685723" sldId="1380"/>
            <ac:spMk id="14" creationId="{297F39D8-2DF1-E6E7-D5B7-4B0DCC8DE135}"/>
          </ac:spMkLst>
        </pc:spChg>
        <pc:spChg chg="add mod">
          <ac:chgData name="Ogot, Mark Lester" userId="0b3da0ae-959c-459a-985f-9d43681ba7f4" providerId="ADAL" clId="{740736AA-2D8A-477F-8F00-B7CA75F7113B}" dt="2023-02-22T03:45:33.630" v="4541"/>
          <ac:spMkLst>
            <pc:docMk/>
            <pc:sldMk cId="2993685723" sldId="1380"/>
            <ac:spMk id="15" creationId="{BEFC78E3-4DB8-A64C-26DF-6E6216A9C6C8}"/>
          </ac:spMkLst>
        </pc:spChg>
      </pc:sldChg>
      <pc:sldChg chg="modSp add del mod">
        <pc:chgData name="Ogot, Mark Lester" userId="0b3da0ae-959c-459a-985f-9d43681ba7f4" providerId="ADAL" clId="{740736AA-2D8A-477F-8F00-B7CA75F7113B}" dt="2023-02-21T13:38:35.881" v="981" actId="47"/>
        <pc:sldMkLst>
          <pc:docMk/>
          <pc:sldMk cId="3929071437" sldId="1380"/>
        </pc:sldMkLst>
        <pc:spChg chg="mod">
          <ac:chgData name="Ogot, Mark Lester" userId="0b3da0ae-959c-459a-985f-9d43681ba7f4" providerId="ADAL" clId="{740736AA-2D8A-477F-8F00-B7CA75F7113B}" dt="2023-02-21T13:36:06.913" v="896" actId="1076"/>
          <ac:spMkLst>
            <pc:docMk/>
            <pc:sldMk cId="3929071437" sldId="1380"/>
            <ac:spMk id="5" creationId="{B14C0E82-5E8C-2CD5-F286-A17096D1C866}"/>
          </ac:spMkLst>
        </pc:spChg>
        <pc:spChg chg="mod">
          <ac:chgData name="Ogot, Mark Lester" userId="0b3da0ae-959c-459a-985f-9d43681ba7f4" providerId="ADAL" clId="{740736AA-2D8A-477F-8F00-B7CA75F7113B}" dt="2023-02-21T13:37:34.533" v="943" actId="1035"/>
          <ac:spMkLst>
            <pc:docMk/>
            <pc:sldMk cId="3929071437" sldId="1380"/>
            <ac:spMk id="7" creationId="{77BA449D-3886-BCA2-0734-A74CA98824FD}"/>
          </ac:spMkLst>
        </pc:spChg>
        <pc:spChg chg="mod">
          <ac:chgData name="Ogot, Mark Lester" userId="0b3da0ae-959c-459a-985f-9d43681ba7f4" providerId="ADAL" clId="{740736AA-2D8A-477F-8F00-B7CA75F7113B}" dt="2023-02-21T13:33:32.554" v="808" actId="20577"/>
          <ac:spMkLst>
            <pc:docMk/>
            <pc:sldMk cId="3929071437" sldId="1380"/>
            <ac:spMk id="11" creationId="{A47202C4-4576-3D36-3C8A-D764B1450617}"/>
          </ac:spMkLst>
        </pc:spChg>
        <pc:spChg chg="mod">
          <ac:chgData name="Ogot, Mark Lester" userId="0b3da0ae-959c-459a-985f-9d43681ba7f4" providerId="ADAL" clId="{740736AA-2D8A-477F-8F00-B7CA75F7113B}" dt="2023-02-21T13:34:10.058" v="856" actId="1076"/>
          <ac:spMkLst>
            <pc:docMk/>
            <pc:sldMk cId="3929071437" sldId="1380"/>
            <ac:spMk id="12" creationId="{F7210D32-6AFC-98DB-CFB3-31D9DAC6817F}"/>
          </ac:spMkLst>
        </pc:spChg>
      </pc:sldChg>
      <pc:sldChg chg="addSp delSp modSp add del mod modShow">
        <pc:chgData name="Ogot, Mark Lester" userId="0b3da0ae-959c-459a-985f-9d43681ba7f4" providerId="ADAL" clId="{740736AA-2D8A-477F-8F00-B7CA75F7113B}" dt="2023-02-26T05:12:24.953" v="8273" actId="47"/>
        <pc:sldMkLst>
          <pc:docMk/>
          <pc:sldMk cId="4233672614" sldId="1381"/>
        </pc:sldMkLst>
        <pc:spChg chg="del mod">
          <ac:chgData name="Ogot, Mark Lester" userId="0b3da0ae-959c-459a-985f-9d43681ba7f4" providerId="ADAL" clId="{740736AA-2D8A-477F-8F00-B7CA75F7113B}" dt="2023-02-21T14:47:59.296" v="2557" actId="478"/>
          <ac:spMkLst>
            <pc:docMk/>
            <pc:sldMk cId="4233672614" sldId="1381"/>
            <ac:spMk id="2" creationId="{4473D57D-5666-F2A9-D4A7-35956F160EAC}"/>
          </ac:spMkLst>
        </pc:spChg>
        <pc:spChg chg="mod">
          <ac:chgData name="Ogot, Mark Lester" userId="0b3da0ae-959c-459a-985f-9d43681ba7f4" providerId="ADAL" clId="{740736AA-2D8A-477F-8F00-B7CA75F7113B}" dt="2023-02-21T23:11:04.643" v="2720" actId="20577"/>
          <ac:spMkLst>
            <pc:docMk/>
            <pc:sldMk cId="4233672614" sldId="1381"/>
            <ac:spMk id="6" creationId="{7767D992-D34A-F18B-784C-021BAD0B9320}"/>
          </ac:spMkLst>
        </pc:spChg>
        <pc:spChg chg="del">
          <ac:chgData name="Ogot, Mark Lester" userId="0b3da0ae-959c-459a-985f-9d43681ba7f4" providerId="ADAL" clId="{740736AA-2D8A-477F-8F00-B7CA75F7113B}" dt="2023-02-22T03:45:40.687" v="4542" actId="478"/>
          <ac:spMkLst>
            <pc:docMk/>
            <pc:sldMk cId="4233672614" sldId="1381"/>
            <ac:spMk id="7" creationId="{77BA449D-3886-BCA2-0734-A74CA98824FD}"/>
          </ac:spMkLst>
        </pc:spChg>
        <pc:spChg chg="mod">
          <ac:chgData name="Ogot, Mark Lester" userId="0b3da0ae-959c-459a-985f-9d43681ba7f4" providerId="ADAL" clId="{740736AA-2D8A-477F-8F00-B7CA75F7113B}" dt="2023-02-21T14:47:37.438" v="2545" actId="1076"/>
          <ac:spMkLst>
            <pc:docMk/>
            <pc:sldMk cId="4233672614" sldId="1381"/>
            <ac:spMk id="8" creationId="{D682F56E-E5CE-8415-9F2D-68C281229858}"/>
          </ac:spMkLst>
        </pc:spChg>
        <pc:spChg chg="add mod">
          <ac:chgData name="Ogot, Mark Lester" userId="0b3da0ae-959c-459a-985f-9d43681ba7f4" providerId="ADAL" clId="{740736AA-2D8A-477F-8F00-B7CA75F7113B}" dt="2023-02-21T14:47:53.199" v="2550" actId="1076"/>
          <ac:spMkLst>
            <pc:docMk/>
            <pc:sldMk cId="4233672614" sldId="1381"/>
            <ac:spMk id="9" creationId="{C5B6C728-47BB-1BF9-BAEE-98C28380E171}"/>
          </ac:spMkLst>
        </pc:spChg>
        <pc:spChg chg="mod">
          <ac:chgData name="Ogot, Mark Lester" userId="0b3da0ae-959c-459a-985f-9d43681ba7f4" providerId="ADAL" clId="{740736AA-2D8A-477F-8F00-B7CA75F7113B}" dt="2023-02-21T14:47:44.049" v="2547" actId="1076"/>
          <ac:spMkLst>
            <pc:docMk/>
            <pc:sldMk cId="4233672614" sldId="1381"/>
            <ac:spMk id="10" creationId="{0D7646CA-AA98-B7A1-8F92-15A269859DFA}"/>
          </ac:spMkLst>
        </pc:spChg>
        <pc:spChg chg="mod">
          <ac:chgData name="Ogot, Mark Lester" userId="0b3da0ae-959c-459a-985f-9d43681ba7f4" providerId="ADAL" clId="{740736AA-2D8A-477F-8F00-B7CA75F7113B}" dt="2023-02-21T23:27:21.265" v="2890" actId="207"/>
          <ac:spMkLst>
            <pc:docMk/>
            <pc:sldMk cId="4233672614" sldId="1381"/>
            <ac:spMk id="11" creationId="{A47202C4-4576-3D36-3C8A-D764B1450617}"/>
          </ac:spMkLst>
        </pc:spChg>
        <pc:spChg chg="mod">
          <ac:chgData name="Ogot, Mark Lester" userId="0b3da0ae-959c-459a-985f-9d43681ba7f4" providerId="ADAL" clId="{740736AA-2D8A-477F-8F00-B7CA75F7113B}" dt="2023-02-21T23:27:21.265" v="2890" actId="207"/>
          <ac:spMkLst>
            <pc:docMk/>
            <pc:sldMk cId="4233672614" sldId="1381"/>
            <ac:spMk id="12" creationId="{F7210D32-6AFC-98DB-CFB3-31D9DAC6817F}"/>
          </ac:spMkLst>
        </pc:spChg>
        <pc:spChg chg="mod">
          <ac:chgData name="Ogot, Mark Lester" userId="0b3da0ae-959c-459a-985f-9d43681ba7f4" providerId="ADAL" clId="{740736AA-2D8A-477F-8F00-B7CA75F7113B}" dt="2023-02-21T23:11:08.579" v="2721" actId="1076"/>
          <ac:spMkLst>
            <pc:docMk/>
            <pc:sldMk cId="4233672614" sldId="1381"/>
            <ac:spMk id="13" creationId="{E4BF32FD-C3A4-0A42-780A-13A48622D705}"/>
          </ac:spMkLst>
        </pc:spChg>
        <pc:spChg chg="add mod">
          <ac:chgData name="Ogot, Mark Lester" userId="0b3da0ae-959c-459a-985f-9d43681ba7f4" providerId="ADAL" clId="{740736AA-2D8A-477F-8F00-B7CA75F7113B}" dt="2023-02-21T23:27:21.265" v="2890" actId="207"/>
          <ac:spMkLst>
            <pc:docMk/>
            <pc:sldMk cId="4233672614" sldId="1381"/>
            <ac:spMk id="14" creationId="{2D2E5BF5-A5BA-1312-80B5-6CA63F1B95F0}"/>
          </ac:spMkLst>
        </pc:spChg>
        <pc:spChg chg="add mod">
          <ac:chgData name="Ogot, Mark Lester" userId="0b3da0ae-959c-459a-985f-9d43681ba7f4" providerId="ADAL" clId="{740736AA-2D8A-477F-8F00-B7CA75F7113B}" dt="2023-02-21T23:11:57.128" v="2771" actId="1035"/>
          <ac:spMkLst>
            <pc:docMk/>
            <pc:sldMk cId="4233672614" sldId="1381"/>
            <ac:spMk id="15" creationId="{7113DF65-74C0-32EC-D163-64526467F82D}"/>
          </ac:spMkLst>
        </pc:spChg>
        <pc:spChg chg="add mod">
          <ac:chgData name="Ogot, Mark Lester" userId="0b3da0ae-959c-459a-985f-9d43681ba7f4" providerId="ADAL" clId="{740736AA-2D8A-477F-8F00-B7CA75F7113B}" dt="2023-02-21T23:27:21.265" v="2890" actId="207"/>
          <ac:spMkLst>
            <pc:docMk/>
            <pc:sldMk cId="4233672614" sldId="1381"/>
            <ac:spMk id="16" creationId="{2AD3A90E-ABC3-AE74-BC69-0D735588BEBB}"/>
          </ac:spMkLst>
        </pc:spChg>
        <pc:spChg chg="add mod">
          <ac:chgData name="Ogot, Mark Lester" userId="0b3da0ae-959c-459a-985f-9d43681ba7f4" providerId="ADAL" clId="{740736AA-2D8A-477F-8F00-B7CA75F7113B}" dt="2023-02-21T23:12:09.382" v="2772" actId="1076"/>
          <ac:spMkLst>
            <pc:docMk/>
            <pc:sldMk cId="4233672614" sldId="1381"/>
            <ac:spMk id="17" creationId="{96ABCE35-EA72-9A83-E3B6-6EDAAC0E2D11}"/>
          </ac:spMkLst>
        </pc:spChg>
        <pc:spChg chg="add mod ord">
          <ac:chgData name="Ogot, Mark Lester" userId="0b3da0ae-959c-459a-985f-9d43681ba7f4" providerId="ADAL" clId="{740736AA-2D8A-477F-8F00-B7CA75F7113B}" dt="2023-02-21T23:13:02.546" v="2815" actId="1076"/>
          <ac:spMkLst>
            <pc:docMk/>
            <pc:sldMk cId="4233672614" sldId="1381"/>
            <ac:spMk id="18" creationId="{610EA466-F198-8951-5FCC-959E07599170}"/>
          </ac:spMkLst>
        </pc:spChg>
        <pc:spChg chg="add mod">
          <ac:chgData name="Ogot, Mark Lester" userId="0b3da0ae-959c-459a-985f-9d43681ba7f4" providerId="ADAL" clId="{740736AA-2D8A-477F-8F00-B7CA75F7113B}" dt="2023-02-21T23:27:21.265" v="2890" actId="207"/>
          <ac:spMkLst>
            <pc:docMk/>
            <pc:sldMk cId="4233672614" sldId="1381"/>
            <ac:spMk id="19" creationId="{5248DCC9-9FF9-9712-91AF-35175273933B}"/>
          </ac:spMkLst>
        </pc:spChg>
        <pc:spChg chg="add mod">
          <ac:chgData name="Ogot, Mark Lester" userId="0b3da0ae-959c-459a-985f-9d43681ba7f4" providerId="ADAL" clId="{740736AA-2D8A-477F-8F00-B7CA75F7113B}" dt="2023-02-21T23:13:12.813" v="2817" actId="1076"/>
          <ac:spMkLst>
            <pc:docMk/>
            <pc:sldMk cId="4233672614" sldId="1381"/>
            <ac:spMk id="20" creationId="{E21261AE-3F13-C7FD-3452-D0626D1D0D36}"/>
          </ac:spMkLst>
        </pc:spChg>
        <pc:spChg chg="add mod">
          <ac:chgData name="Ogot, Mark Lester" userId="0b3da0ae-959c-459a-985f-9d43681ba7f4" providerId="ADAL" clId="{740736AA-2D8A-477F-8F00-B7CA75F7113B}" dt="2023-02-21T23:27:21.265" v="2890" actId="207"/>
          <ac:spMkLst>
            <pc:docMk/>
            <pc:sldMk cId="4233672614" sldId="1381"/>
            <ac:spMk id="21" creationId="{78270B5E-A96B-A1E3-811E-4208A1109101}"/>
          </ac:spMkLst>
        </pc:spChg>
        <pc:spChg chg="add mod">
          <ac:chgData name="Ogot, Mark Lester" userId="0b3da0ae-959c-459a-985f-9d43681ba7f4" providerId="ADAL" clId="{740736AA-2D8A-477F-8F00-B7CA75F7113B}" dt="2023-02-22T03:45:41.498" v="4543"/>
          <ac:spMkLst>
            <pc:docMk/>
            <pc:sldMk cId="4233672614" sldId="1381"/>
            <ac:spMk id="22" creationId="{25523902-91F2-826D-2F94-1EEABBB74523}"/>
          </ac:spMkLst>
        </pc:spChg>
      </pc:sldChg>
      <pc:sldChg chg="addSp delSp modSp mod modNotesTx">
        <pc:chgData name="Ogot, Mark Lester" userId="0b3da0ae-959c-459a-985f-9d43681ba7f4" providerId="ADAL" clId="{740736AA-2D8A-477F-8F00-B7CA75F7113B}" dt="2023-02-22T23:10:26.206" v="7504" actId="478"/>
        <pc:sldMkLst>
          <pc:docMk/>
          <pc:sldMk cId="2216062058" sldId="1382"/>
        </pc:sldMkLst>
        <pc:spChg chg="add mod">
          <ac:chgData name="Ogot, Mark Lester" userId="0b3da0ae-959c-459a-985f-9d43681ba7f4" providerId="ADAL" clId="{740736AA-2D8A-477F-8F00-B7CA75F7113B}" dt="2023-02-22T03:22:23.071" v="4433" actId="1076"/>
          <ac:spMkLst>
            <pc:docMk/>
            <pc:sldMk cId="2216062058" sldId="1382"/>
            <ac:spMk id="5" creationId="{68A8AEA8-22DD-163B-33D3-FC491E1C14A8}"/>
          </ac:spMkLst>
        </pc:spChg>
        <pc:spChg chg="add mod">
          <ac:chgData name="Ogot, Mark Lester" userId="0b3da0ae-959c-459a-985f-9d43681ba7f4" providerId="ADAL" clId="{740736AA-2D8A-477F-8F00-B7CA75F7113B}" dt="2023-02-22T03:22:44.737" v="4468" actId="20577"/>
          <ac:spMkLst>
            <pc:docMk/>
            <pc:sldMk cId="2216062058" sldId="1382"/>
            <ac:spMk id="6" creationId="{1A90B963-0D3C-640E-33E6-326A067C9CC0}"/>
          </ac:spMkLst>
        </pc:spChg>
        <pc:spChg chg="add mod">
          <ac:chgData name="Ogot, Mark Lester" userId="0b3da0ae-959c-459a-985f-9d43681ba7f4" providerId="ADAL" clId="{740736AA-2D8A-477F-8F00-B7CA75F7113B}" dt="2023-02-22T03:29:08.731" v="4486" actId="20577"/>
          <ac:spMkLst>
            <pc:docMk/>
            <pc:sldMk cId="2216062058" sldId="1382"/>
            <ac:spMk id="7" creationId="{5965C9EF-4CC0-0EEB-972E-9DEA979BDC5A}"/>
          </ac:spMkLst>
        </pc:spChg>
        <pc:picChg chg="add mod modCrop">
          <ac:chgData name="Ogot, Mark Lester" userId="0b3da0ae-959c-459a-985f-9d43681ba7f4" providerId="ADAL" clId="{740736AA-2D8A-477F-8F00-B7CA75F7113B}" dt="2023-02-22T03:18:36.220" v="4403" actId="1076"/>
          <ac:picMkLst>
            <pc:docMk/>
            <pc:sldMk cId="2216062058" sldId="1382"/>
            <ac:picMk id="2" creationId="{30B77FC9-F2D9-B77F-9B8B-4A802F0E70D0}"/>
          </ac:picMkLst>
        </pc:picChg>
        <pc:picChg chg="add mod">
          <ac:chgData name="Ogot, Mark Lester" userId="0b3da0ae-959c-459a-985f-9d43681ba7f4" providerId="ADAL" clId="{740736AA-2D8A-477F-8F00-B7CA75F7113B}" dt="2023-02-22T03:18:40.041" v="4405" actId="1076"/>
          <ac:picMkLst>
            <pc:docMk/>
            <pc:sldMk cId="2216062058" sldId="1382"/>
            <ac:picMk id="5122" creationId="{223378D3-2972-173B-F229-24F8508F34FA}"/>
          </ac:picMkLst>
        </pc:picChg>
        <pc:picChg chg="add mod">
          <ac:chgData name="Ogot, Mark Lester" userId="0b3da0ae-959c-459a-985f-9d43681ba7f4" providerId="ADAL" clId="{740736AA-2D8A-477F-8F00-B7CA75F7113B}" dt="2023-02-22T03:18:42.535" v="4406" actId="1076"/>
          <ac:picMkLst>
            <pc:docMk/>
            <pc:sldMk cId="2216062058" sldId="1382"/>
            <ac:picMk id="5124" creationId="{5F000A46-3F15-605D-73CF-384DDB39C5A7}"/>
          </ac:picMkLst>
        </pc:picChg>
        <pc:cxnChg chg="del">
          <ac:chgData name="Ogot, Mark Lester" userId="0b3da0ae-959c-459a-985f-9d43681ba7f4" providerId="ADAL" clId="{740736AA-2D8A-477F-8F00-B7CA75F7113B}" dt="2023-02-22T23:10:24.289" v="7502" actId="478"/>
          <ac:cxnSpMkLst>
            <pc:docMk/>
            <pc:sldMk cId="2216062058" sldId="1382"/>
            <ac:cxnSpMk id="12" creationId="{E491CAEF-7453-0D16-C74A-DE0D4D9CE8C6}"/>
          </ac:cxnSpMkLst>
        </pc:cxnChg>
        <pc:cxnChg chg="del">
          <ac:chgData name="Ogot, Mark Lester" userId="0b3da0ae-959c-459a-985f-9d43681ba7f4" providerId="ADAL" clId="{740736AA-2D8A-477F-8F00-B7CA75F7113B}" dt="2023-02-22T23:10:23.481" v="7501" actId="478"/>
          <ac:cxnSpMkLst>
            <pc:docMk/>
            <pc:sldMk cId="2216062058" sldId="1382"/>
            <ac:cxnSpMk id="17" creationId="{3C0A6619-340F-7CB3-DDA4-16B9BADE4D48}"/>
          </ac:cxnSpMkLst>
        </pc:cxnChg>
        <pc:cxnChg chg="del">
          <ac:chgData name="Ogot, Mark Lester" userId="0b3da0ae-959c-459a-985f-9d43681ba7f4" providerId="ADAL" clId="{740736AA-2D8A-477F-8F00-B7CA75F7113B}" dt="2023-02-22T23:10:26.206" v="7504" actId="478"/>
          <ac:cxnSpMkLst>
            <pc:docMk/>
            <pc:sldMk cId="2216062058" sldId="1382"/>
            <ac:cxnSpMk id="18" creationId="{26B81832-76BE-DBB9-B98E-E7C6364BE2CB}"/>
          </ac:cxnSpMkLst>
        </pc:cxnChg>
        <pc:cxnChg chg="del">
          <ac:chgData name="Ogot, Mark Lester" userId="0b3da0ae-959c-459a-985f-9d43681ba7f4" providerId="ADAL" clId="{740736AA-2D8A-477F-8F00-B7CA75F7113B}" dt="2023-02-22T23:10:25.689" v="7503" actId="478"/>
          <ac:cxnSpMkLst>
            <pc:docMk/>
            <pc:sldMk cId="2216062058" sldId="1382"/>
            <ac:cxnSpMk id="21" creationId="{BC16FFB4-5FE7-BB3F-82DB-3D3C4AC315EA}"/>
          </ac:cxnSpMkLst>
        </pc:cxnChg>
      </pc:sldChg>
      <pc:sldChg chg="addSp delSp modSp mod">
        <pc:chgData name="Ogot, Mark Lester" userId="0b3da0ae-959c-459a-985f-9d43681ba7f4" providerId="ADAL" clId="{740736AA-2D8A-477F-8F00-B7CA75F7113B}" dt="2023-02-23T00:11:23.579" v="8156" actId="20577"/>
        <pc:sldMkLst>
          <pc:docMk/>
          <pc:sldMk cId="2472294736" sldId="1383"/>
        </pc:sldMkLst>
        <pc:spChg chg="mod">
          <ac:chgData name="Ogot, Mark Lester" userId="0b3da0ae-959c-459a-985f-9d43681ba7f4" providerId="ADAL" clId="{740736AA-2D8A-477F-8F00-B7CA75F7113B}" dt="2023-02-22T23:14:19.517" v="7611" actId="20577"/>
          <ac:spMkLst>
            <pc:docMk/>
            <pc:sldMk cId="2472294736" sldId="1383"/>
            <ac:spMk id="3" creationId="{7848736F-4E10-CD2D-64FD-9E7C6344DB9E}"/>
          </ac:spMkLst>
        </pc:spChg>
        <pc:spChg chg="del">
          <ac:chgData name="Ogot, Mark Lester" userId="0b3da0ae-959c-459a-985f-9d43681ba7f4" providerId="ADAL" clId="{740736AA-2D8A-477F-8F00-B7CA75F7113B}" dt="2023-02-22T08:11:11.619" v="5625" actId="478"/>
          <ac:spMkLst>
            <pc:docMk/>
            <pc:sldMk cId="2472294736" sldId="1383"/>
            <ac:spMk id="5" creationId="{68A8AEA8-22DD-163B-33D3-FC491E1C14A8}"/>
          </ac:spMkLst>
        </pc:spChg>
        <pc:spChg chg="add del">
          <ac:chgData name="Ogot, Mark Lester" userId="0b3da0ae-959c-459a-985f-9d43681ba7f4" providerId="ADAL" clId="{740736AA-2D8A-477F-8F00-B7CA75F7113B}" dt="2023-02-23T00:10:03.168" v="8096"/>
          <ac:spMkLst>
            <pc:docMk/>
            <pc:sldMk cId="2472294736" sldId="1383"/>
            <ac:spMk id="5" creationId="{6FB00D9F-1439-EFA8-3277-43BA3A1F0F58}"/>
          </ac:spMkLst>
        </pc:spChg>
        <pc:spChg chg="del">
          <ac:chgData name="Ogot, Mark Lester" userId="0b3da0ae-959c-459a-985f-9d43681ba7f4" providerId="ADAL" clId="{740736AA-2D8A-477F-8F00-B7CA75F7113B}" dt="2023-02-22T08:11:11.619" v="5625" actId="478"/>
          <ac:spMkLst>
            <pc:docMk/>
            <pc:sldMk cId="2472294736" sldId="1383"/>
            <ac:spMk id="6" creationId="{1A90B963-0D3C-640E-33E6-326A067C9CC0}"/>
          </ac:spMkLst>
        </pc:spChg>
        <pc:spChg chg="mod">
          <ac:chgData name="Ogot, Mark Lester" userId="0b3da0ae-959c-459a-985f-9d43681ba7f4" providerId="ADAL" clId="{740736AA-2D8A-477F-8F00-B7CA75F7113B}" dt="2023-02-23T00:07:36.500" v="8094" actId="1076"/>
          <ac:spMkLst>
            <pc:docMk/>
            <pc:sldMk cId="2472294736" sldId="1383"/>
            <ac:spMk id="6" creationId="{68FF1AA1-5097-E7A7-2F36-EB3A0DFFCE34}"/>
          </ac:spMkLst>
        </pc:spChg>
        <pc:spChg chg="del">
          <ac:chgData name="Ogot, Mark Lester" userId="0b3da0ae-959c-459a-985f-9d43681ba7f4" providerId="ADAL" clId="{740736AA-2D8A-477F-8F00-B7CA75F7113B}" dt="2023-02-22T08:11:11.619" v="5625" actId="478"/>
          <ac:spMkLst>
            <pc:docMk/>
            <pc:sldMk cId="2472294736" sldId="1383"/>
            <ac:spMk id="7" creationId="{5965C9EF-4CC0-0EEB-972E-9DEA979BDC5A}"/>
          </ac:spMkLst>
        </pc:spChg>
        <pc:spChg chg="add mod">
          <ac:chgData name="Ogot, Mark Lester" userId="0b3da0ae-959c-459a-985f-9d43681ba7f4" providerId="ADAL" clId="{740736AA-2D8A-477F-8F00-B7CA75F7113B}" dt="2023-02-22T09:54:08.137" v="5814" actId="1076"/>
          <ac:spMkLst>
            <pc:docMk/>
            <pc:sldMk cId="2472294736" sldId="1383"/>
            <ac:spMk id="9" creationId="{72A0CC32-A292-6DFF-E2BF-2B10B4FB0A4C}"/>
          </ac:spMkLst>
        </pc:spChg>
        <pc:spChg chg="mod">
          <ac:chgData name="Ogot, Mark Lester" userId="0b3da0ae-959c-459a-985f-9d43681ba7f4" providerId="ADAL" clId="{740736AA-2D8A-477F-8F00-B7CA75F7113B}" dt="2023-02-23T00:07:11.238" v="8086" actId="1076"/>
          <ac:spMkLst>
            <pc:docMk/>
            <pc:sldMk cId="2472294736" sldId="1383"/>
            <ac:spMk id="11" creationId="{81ACBC22-30B5-5255-D056-706031BBC618}"/>
          </ac:spMkLst>
        </pc:spChg>
        <pc:spChg chg="mod">
          <ac:chgData name="Ogot, Mark Lester" userId="0b3da0ae-959c-459a-985f-9d43681ba7f4" providerId="ADAL" clId="{740736AA-2D8A-477F-8F00-B7CA75F7113B}" dt="2023-02-23T00:07:25.749" v="8091" actId="1076"/>
          <ac:spMkLst>
            <pc:docMk/>
            <pc:sldMk cId="2472294736" sldId="1383"/>
            <ac:spMk id="14" creationId="{5FABD41C-1441-CB90-9672-D73720155DF9}"/>
          </ac:spMkLst>
        </pc:spChg>
        <pc:spChg chg="add mod">
          <ac:chgData name="Ogot, Mark Lester" userId="0b3da0ae-959c-459a-985f-9d43681ba7f4" providerId="ADAL" clId="{740736AA-2D8A-477F-8F00-B7CA75F7113B}" dt="2023-02-23T00:11:23.579" v="8156" actId="20577"/>
          <ac:spMkLst>
            <pc:docMk/>
            <pc:sldMk cId="2472294736" sldId="1383"/>
            <ac:spMk id="15" creationId="{0F048A75-4765-1770-946B-D4CE5EAE32DF}"/>
          </ac:spMkLst>
        </pc:spChg>
        <pc:picChg chg="mod">
          <ac:chgData name="Ogot, Mark Lester" userId="0b3da0ae-959c-459a-985f-9d43681ba7f4" providerId="ADAL" clId="{740736AA-2D8A-477F-8F00-B7CA75F7113B}" dt="2023-02-23T00:07:33.153" v="8093" actId="14100"/>
          <ac:picMkLst>
            <pc:docMk/>
            <pc:sldMk cId="2472294736" sldId="1383"/>
            <ac:picMk id="2" creationId="{29D7D264-95FC-E356-7161-61F9ADCB0A32}"/>
          </ac:picMkLst>
        </pc:picChg>
        <pc:picChg chg="del">
          <ac:chgData name="Ogot, Mark Lester" userId="0b3da0ae-959c-459a-985f-9d43681ba7f4" providerId="ADAL" clId="{740736AA-2D8A-477F-8F00-B7CA75F7113B}" dt="2023-02-22T08:11:11.619" v="5625" actId="478"/>
          <ac:picMkLst>
            <pc:docMk/>
            <pc:sldMk cId="2472294736" sldId="1383"/>
            <ac:picMk id="2" creationId="{30B77FC9-F2D9-B77F-9B8B-4A802F0E70D0}"/>
          </ac:picMkLst>
        </pc:picChg>
        <pc:picChg chg="add mod">
          <ac:chgData name="Ogot, Mark Lester" userId="0b3da0ae-959c-459a-985f-9d43681ba7f4" providerId="ADAL" clId="{740736AA-2D8A-477F-8F00-B7CA75F7113B}" dt="2023-02-23T00:10:24.677" v="8101" actId="1076"/>
          <ac:picMkLst>
            <pc:docMk/>
            <pc:sldMk cId="2472294736" sldId="1383"/>
            <ac:picMk id="7" creationId="{DC5E5F55-65A4-54CD-80A5-B462FED112F6}"/>
          </ac:picMkLst>
        </pc:picChg>
        <pc:picChg chg="add mod">
          <ac:chgData name="Ogot, Mark Lester" userId="0b3da0ae-959c-459a-985f-9d43681ba7f4" providerId="ADAL" clId="{740736AA-2D8A-477F-8F00-B7CA75F7113B}" dt="2023-02-22T09:54:05.492" v="5813" actId="14100"/>
          <ac:picMkLst>
            <pc:docMk/>
            <pc:sldMk cId="2472294736" sldId="1383"/>
            <ac:picMk id="8" creationId="{BFAD9B45-E1F3-CF1D-B0C2-D8AD61B3873D}"/>
          </ac:picMkLst>
        </pc:picChg>
        <pc:picChg chg="mod">
          <ac:chgData name="Ogot, Mark Lester" userId="0b3da0ae-959c-459a-985f-9d43681ba7f4" providerId="ADAL" clId="{740736AA-2D8A-477F-8F00-B7CA75F7113B}" dt="2023-02-23T00:07:11.238" v="8086" actId="1076"/>
          <ac:picMkLst>
            <pc:docMk/>
            <pc:sldMk cId="2472294736" sldId="1383"/>
            <ac:picMk id="10" creationId="{CB3C7245-CECD-A429-7725-CC9C72EC0C95}"/>
          </ac:picMkLst>
        </pc:picChg>
        <pc:picChg chg="mod">
          <ac:chgData name="Ogot, Mark Lester" userId="0b3da0ae-959c-459a-985f-9d43681ba7f4" providerId="ADAL" clId="{740736AA-2D8A-477F-8F00-B7CA75F7113B}" dt="2023-02-23T00:07:22.328" v="8090" actId="14100"/>
          <ac:picMkLst>
            <pc:docMk/>
            <pc:sldMk cId="2472294736" sldId="1383"/>
            <ac:picMk id="13" creationId="{917D066D-99F5-06D6-E705-D79D89288A07}"/>
          </ac:picMkLst>
        </pc:picChg>
        <pc:picChg chg="del">
          <ac:chgData name="Ogot, Mark Lester" userId="0b3da0ae-959c-459a-985f-9d43681ba7f4" providerId="ADAL" clId="{740736AA-2D8A-477F-8F00-B7CA75F7113B}" dt="2023-02-22T08:11:11.619" v="5625" actId="478"/>
          <ac:picMkLst>
            <pc:docMk/>
            <pc:sldMk cId="2472294736" sldId="1383"/>
            <ac:picMk id="5122" creationId="{223378D3-2972-173B-F229-24F8508F34FA}"/>
          </ac:picMkLst>
        </pc:picChg>
        <pc:picChg chg="del">
          <ac:chgData name="Ogot, Mark Lester" userId="0b3da0ae-959c-459a-985f-9d43681ba7f4" providerId="ADAL" clId="{740736AA-2D8A-477F-8F00-B7CA75F7113B}" dt="2023-02-22T08:11:11.619" v="5625" actId="478"/>
          <ac:picMkLst>
            <pc:docMk/>
            <pc:sldMk cId="2472294736" sldId="1383"/>
            <ac:picMk id="5124" creationId="{5F000A46-3F15-605D-73CF-384DDB39C5A7}"/>
          </ac:picMkLst>
        </pc:picChg>
        <pc:cxnChg chg="del">
          <ac:chgData name="Ogot, Mark Lester" userId="0b3da0ae-959c-459a-985f-9d43681ba7f4" providerId="ADAL" clId="{740736AA-2D8A-477F-8F00-B7CA75F7113B}" dt="2023-02-23T00:06:10.745" v="8083" actId="478"/>
          <ac:cxnSpMkLst>
            <pc:docMk/>
            <pc:sldMk cId="2472294736" sldId="1383"/>
            <ac:cxnSpMk id="12" creationId="{E491CAEF-7453-0D16-C74A-DE0D4D9CE8C6}"/>
          </ac:cxnSpMkLst>
        </pc:cxnChg>
        <pc:cxnChg chg="del">
          <ac:chgData name="Ogot, Mark Lester" userId="0b3da0ae-959c-459a-985f-9d43681ba7f4" providerId="ADAL" clId="{740736AA-2D8A-477F-8F00-B7CA75F7113B}" dt="2023-02-23T00:06:10.745" v="8083" actId="478"/>
          <ac:cxnSpMkLst>
            <pc:docMk/>
            <pc:sldMk cId="2472294736" sldId="1383"/>
            <ac:cxnSpMk id="17" creationId="{3C0A6619-340F-7CB3-DDA4-16B9BADE4D48}"/>
          </ac:cxnSpMkLst>
        </pc:cxnChg>
        <pc:cxnChg chg="del">
          <ac:chgData name="Ogot, Mark Lester" userId="0b3da0ae-959c-459a-985f-9d43681ba7f4" providerId="ADAL" clId="{740736AA-2D8A-477F-8F00-B7CA75F7113B}" dt="2023-02-23T00:06:13.083" v="8084" actId="478"/>
          <ac:cxnSpMkLst>
            <pc:docMk/>
            <pc:sldMk cId="2472294736" sldId="1383"/>
            <ac:cxnSpMk id="18" creationId="{26B81832-76BE-DBB9-B98E-E7C6364BE2CB}"/>
          </ac:cxnSpMkLst>
        </pc:cxnChg>
        <pc:cxnChg chg="del">
          <ac:chgData name="Ogot, Mark Lester" userId="0b3da0ae-959c-459a-985f-9d43681ba7f4" providerId="ADAL" clId="{740736AA-2D8A-477F-8F00-B7CA75F7113B}" dt="2023-02-23T00:06:13.785" v="8085" actId="478"/>
          <ac:cxnSpMkLst>
            <pc:docMk/>
            <pc:sldMk cId="2472294736" sldId="1383"/>
            <ac:cxnSpMk id="21" creationId="{BC16FFB4-5FE7-BB3F-82DB-3D3C4AC315EA}"/>
          </ac:cxnSpMkLst>
        </pc:cxnChg>
      </pc:sldChg>
      <pc:sldChg chg="addSp delSp modSp mod">
        <pc:chgData name="Ogot, Mark Lester" userId="0b3da0ae-959c-459a-985f-9d43681ba7f4" providerId="ADAL" clId="{740736AA-2D8A-477F-8F00-B7CA75F7113B}" dt="2023-02-23T03:35:48.087" v="8255" actId="1076"/>
        <pc:sldMkLst>
          <pc:docMk/>
          <pc:sldMk cId="3771344923" sldId="1384"/>
        </pc:sldMkLst>
        <pc:spChg chg="mod">
          <ac:chgData name="Ogot, Mark Lester" userId="0b3da0ae-959c-459a-985f-9d43681ba7f4" providerId="ADAL" clId="{740736AA-2D8A-477F-8F00-B7CA75F7113B}" dt="2023-02-22T10:00:43.716" v="5905" actId="6549"/>
          <ac:spMkLst>
            <pc:docMk/>
            <pc:sldMk cId="3771344923" sldId="1384"/>
            <ac:spMk id="15" creationId="{7F54D3AB-182C-9D25-AC7D-64F88B3AD071}"/>
          </ac:spMkLst>
        </pc:spChg>
        <pc:picChg chg="add mod">
          <ac:chgData name="Ogot, Mark Lester" userId="0b3da0ae-959c-459a-985f-9d43681ba7f4" providerId="ADAL" clId="{740736AA-2D8A-477F-8F00-B7CA75F7113B}" dt="2023-02-23T03:35:48.087" v="8255" actId="1076"/>
          <ac:picMkLst>
            <pc:docMk/>
            <pc:sldMk cId="3771344923" sldId="1384"/>
            <ac:picMk id="3" creationId="{C219CF25-8B62-5F41-895E-CD17E9CA37B4}"/>
          </ac:picMkLst>
        </pc:picChg>
        <pc:picChg chg="del">
          <ac:chgData name="Ogot, Mark Lester" userId="0b3da0ae-959c-459a-985f-9d43681ba7f4" providerId="ADAL" clId="{740736AA-2D8A-477F-8F00-B7CA75F7113B}" dt="2023-02-23T03:35:35.408" v="8247" actId="478"/>
          <ac:picMkLst>
            <pc:docMk/>
            <pc:sldMk cId="3771344923" sldId="1384"/>
            <ac:picMk id="10" creationId="{96EA24E8-2518-1924-99C1-1ADE5A5B5F1D}"/>
          </ac:picMkLst>
        </pc:picChg>
      </pc:sldChg>
      <pc:sldChg chg="addSp delSp modSp mod">
        <pc:chgData name="Ogot, Mark Lester" userId="0b3da0ae-959c-459a-985f-9d43681ba7f4" providerId="ADAL" clId="{740736AA-2D8A-477F-8F00-B7CA75F7113B}" dt="2023-02-23T03:48:03.235" v="8259" actId="313"/>
        <pc:sldMkLst>
          <pc:docMk/>
          <pc:sldMk cId="3663867531" sldId="1385"/>
        </pc:sldMkLst>
        <pc:spChg chg="mod">
          <ac:chgData name="Ogot, Mark Lester" userId="0b3da0ae-959c-459a-985f-9d43681ba7f4" providerId="ADAL" clId="{740736AA-2D8A-477F-8F00-B7CA75F7113B}" dt="2023-02-23T03:48:03.235" v="8259" actId="313"/>
          <ac:spMkLst>
            <pc:docMk/>
            <pc:sldMk cId="3663867531" sldId="1385"/>
            <ac:spMk id="2" creationId="{8342C385-3135-9BD0-9D08-CC1D630D59EB}"/>
          </ac:spMkLst>
        </pc:spChg>
        <pc:spChg chg="del">
          <ac:chgData name="Ogot, Mark Lester" userId="0b3da0ae-959c-459a-985f-9d43681ba7f4" providerId="ADAL" clId="{740736AA-2D8A-477F-8F00-B7CA75F7113B}" dt="2023-02-22T05:29:10.631" v="4552" actId="478"/>
          <ac:spMkLst>
            <pc:docMk/>
            <pc:sldMk cId="3663867531" sldId="1385"/>
            <ac:spMk id="10" creationId="{03A6A3B9-00A8-1B85-BF4A-8777FB9AC524}"/>
          </ac:spMkLst>
        </pc:spChg>
        <pc:spChg chg="del">
          <ac:chgData name="Ogot, Mark Lester" userId="0b3da0ae-959c-459a-985f-9d43681ba7f4" providerId="ADAL" clId="{740736AA-2D8A-477F-8F00-B7CA75F7113B}" dt="2023-02-22T05:29:10.631" v="4552" actId="478"/>
          <ac:spMkLst>
            <pc:docMk/>
            <pc:sldMk cId="3663867531" sldId="1385"/>
            <ac:spMk id="11" creationId="{6C126EDD-B0AB-2F5D-7D45-DF0456CC2AB5}"/>
          </ac:spMkLst>
        </pc:spChg>
        <pc:spChg chg="del">
          <ac:chgData name="Ogot, Mark Lester" userId="0b3da0ae-959c-459a-985f-9d43681ba7f4" providerId="ADAL" clId="{740736AA-2D8A-477F-8F00-B7CA75F7113B}" dt="2023-02-22T05:29:10.631" v="4552" actId="478"/>
          <ac:spMkLst>
            <pc:docMk/>
            <pc:sldMk cId="3663867531" sldId="1385"/>
            <ac:spMk id="13" creationId="{EF493649-55E8-4E11-3E5A-D9F3E6CB13C0}"/>
          </ac:spMkLst>
        </pc:spChg>
        <pc:graphicFrameChg chg="del mod">
          <ac:chgData name="Ogot, Mark Lester" userId="0b3da0ae-959c-459a-985f-9d43681ba7f4" providerId="ADAL" clId="{740736AA-2D8A-477F-8F00-B7CA75F7113B}" dt="2023-02-22T05:29:15.589" v="4554" actId="478"/>
          <ac:graphicFrameMkLst>
            <pc:docMk/>
            <pc:sldMk cId="3663867531" sldId="1385"/>
            <ac:graphicFrameMk id="9" creationId="{4A101E1E-BFF4-41E6-9E4F-6179D62817E3}"/>
          </ac:graphicFrameMkLst>
        </pc:graphicFrameChg>
        <pc:graphicFrameChg chg="del">
          <ac:chgData name="Ogot, Mark Lester" userId="0b3da0ae-959c-459a-985f-9d43681ba7f4" providerId="ADAL" clId="{740736AA-2D8A-477F-8F00-B7CA75F7113B}" dt="2023-02-22T05:29:10.631" v="4552" actId="478"/>
          <ac:graphicFrameMkLst>
            <pc:docMk/>
            <pc:sldMk cId="3663867531" sldId="1385"/>
            <ac:graphicFrameMk id="14" creationId="{61C89F21-47A4-1E50-04D6-5CEB7BDD37FE}"/>
          </ac:graphicFrameMkLst>
        </pc:graphicFrameChg>
        <pc:graphicFrameChg chg="del">
          <ac:chgData name="Ogot, Mark Lester" userId="0b3da0ae-959c-459a-985f-9d43681ba7f4" providerId="ADAL" clId="{740736AA-2D8A-477F-8F00-B7CA75F7113B}" dt="2023-02-22T05:29:10.631" v="4552" actId="478"/>
          <ac:graphicFrameMkLst>
            <pc:docMk/>
            <pc:sldMk cId="3663867531" sldId="1385"/>
            <ac:graphicFrameMk id="15" creationId="{8F9577E7-D674-6E41-77D1-0B53A5EAC1E0}"/>
          </ac:graphicFrameMkLst>
        </pc:graphicFrameChg>
        <pc:graphicFrameChg chg="del">
          <ac:chgData name="Ogot, Mark Lester" userId="0b3da0ae-959c-459a-985f-9d43681ba7f4" providerId="ADAL" clId="{740736AA-2D8A-477F-8F00-B7CA75F7113B}" dt="2023-02-22T05:29:10.631" v="4552" actId="478"/>
          <ac:graphicFrameMkLst>
            <pc:docMk/>
            <pc:sldMk cId="3663867531" sldId="1385"/>
            <ac:graphicFrameMk id="16" creationId="{EFD378B4-EC5D-70D9-4E43-38D9B7D274F4}"/>
          </ac:graphicFrameMkLst>
        </pc:graphicFrameChg>
        <pc:picChg chg="add mod">
          <ac:chgData name="Ogot, Mark Lester" userId="0b3da0ae-959c-459a-985f-9d43681ba7f4" providerId="ADAL" clId="{740736AA-2D8A-477F-8F00-B7CA75F7113B}" dt="2023-02-23T00:11:34.096" v="8157" actId="1076"/>
          <ac:picMkLst>
            <pc:docMk/>
            <pc:sldMk cId="3663867531" sldId="1385"/>
            <ac:picMk id="3" creationId="{74DDE416-F147-0D5E-E32D-3718D422F50F}"/>
          </ac:picMkLst>
        </pc:picChg>
        <pc:cxnChg chg="del">
          <ac:chgData name="Ogot, Mark Lester" userId="0b3da0ae-959c-459a-985f-9d43681ba7f4" providerId="ADAL" clId="{740736AA-2D8A-477F-8F00-B7CA75F7113B}" dt="2023-02-23T00:25:08.182" v="8166" actId="478"/>
          <ac:cxnSpMkLst>
            <pc:docMk/>
            <pc:sldMk cId="3663867531" sldId="1385"/>
            <ac:cxnSpMk id="12" creationId="{E491CAEF-7453-0D16-C74A-DE0D4D9CE8C6}"/>
          </ac:cxnSpMkLst>
        </pc:cxnChg>
        <pc:cxnChg chg="del">
          <ac:chgData name="Ogot, Mark Lester" userId="0b3da0ae-959c-459a-985f-9d43681ba7f4" providerId="ADAL" clId="{740736AA-2D8A-477F-8F00-B7CA75F7113B}" dt="2023-02-23T00:25:08.182" v="8166" actId="478"/>
          <ac:cxnSpMkLst>
            <pc:docMk/>
            <pc:sldMk cId="3663867531" sldId="1385"/>
            <ac:cxnSpMk id="17" creationId="{3C0A6619-340F-7CB3-DDA4-16B9BADE4D48}"/>
          </ac:cxnSpMkLst>
        </pc:cxnChg>
        <pc:cxnChg chg="del">
          <ac:chgData name="Ogot, Mark Lester" userId="0b3da0ae-959c-459a-985f-9d43681ba7f4" providerId="ADAL" clId="{740736AA-2D8A-477F-8F00-B7CA75F7113B}" dt="2023-02-23T00:25:09.255" v="8167" actId="478"/>
          <ac:cxnSpMkLst>
            <pc:docMk/>
            <pc:sldMk cId="3663867531" sldId="1385"/>
            <ac:cxnSpMk id="18" creationId="{26B81832-76BE-DBB9-B98E-E7C6364BE2CB}"/>
          </ac:cxnSpMkLst>
        </pc:cxnChg>
        <pc:cxnChg chg="del">
          <ac:chgData name="Ogot, Mark Lester" userId="0b3da0ae-959c-459a-985f-9d43681ba7f4" providerId="ADAL" clId="{740736AA-2D8A-477F-8F00-B7CA75F7113B}" dt="2023-02-23T00:25:09.802" v="8168" actId="478"/>
          <ac:cxnSpMkLst>
            <pc:docMk/>
            <pc:sldMk cId="3663867531" sldId="1385"/>
            <ac:cxnSpMk id="21" creationId="{BC16FFB4-5FE7-BB3F-82DB-3D3C4AC315EA}"/>
          </ac:cxnSpMkLst>
        </pc:cxnChg>
      </pc:sldChg>
      <pc:sldChg chg="del mod modShow">
        <pc:chgData name="Ogot, Mark Lester" userId="0b3da0ae-959c-459a-985f-9d43681ba7f4" providerId="ADAL" clId="{740736AA-2D8A-477F-8F00-B7CA75F7113B}" dt="2023-02-26T05:12:11.288" v="8272" actId="47"/>
        <pc:sldMkLst>
          <pc:docMk/>
          <pc:sldMk cId="3219236836" sldId="1386"/>
        </pc:sldMkLst>
      </pc:sldChg>
      <pc:sldChg chg="del ord">
        <pc:chgData name="Ogot, Mark Lester" userId="0b3da0ae-959c-459a-985f-9d43681ba7f4" providerId="ADAL" clId="{740736AA-2D8A-477F-8F00-B7CA75F7113B}" dt="2023-02-26T05:12:27.259" v="8274" actId="47"/>
        <pc:sldMkLst>
          <pc:docMk/>
          <pc:sldMk cId="4287051958" sldId="1387"/>
        </pc:sldMkLst>
      </pc:sldChg>
      <pc:sldChg chg="addSp delSp modSp del mod">
        <pc:chgData name="Ogot, Mark Lester" userId="0b3da0ae-959c-459a-985f-9d43681ba7f4" providerId="ADAL" clId="{740736AA-2D8A-477F-8F00-B7CA75F7113B}" dt="2023-02-26T05:11:55.135" v="8270" actId="47"/>
        <pc:sldMkLst>
          <pc:docMk/>
          <pc:sldMk cId="4150294950" sldId="1388"/>
        </pc:sldMkLst>
        <pc:spChg chg="mod">
          <ac:chgData name="Ogot, Mark Lester" userId="0b3da0ae-959c-459a-985f-9d43681ba7f4" providerId="ADAL" clId="{740736AA-2D8A-477F-8F00-B7CA75F7113B}" dt="2023-02-22T05:38:51.106" v="4631" actId="20577"/>
          <ac:spMkLst>
            <pc:docMk/>
            <pc:sldMk cId="4150294950" sldId="1388"/>
            <ac:spMk id="4" creationId="{B874381D-3683-E1CA-4051-FAF5437746BA}"/>
          </ac:spMkLst>
        </pc:spChg>
        <pc:spChg chg="add mod">
          <ac:chgData name="Ogot, Mark Lester" userId="0b3da0ae-959c-459a-985f-9d43681ba7f4" providerId="ADAL" clId="{740736AA-2D8A-477F-8F00-B7CA75F7113B}" dt="2023-02-22T05:40:38.252" v="4683" actId="1076"/>
          <ac:spMkLst>
            <pc:docMk/>
            <pc:sldMk cId="4150294950" sldId="1388"/>
            <ac:spMk id="5" creationId="{CADA3DB3-DFE5-B231-D136-166AB066C489}"/>
          </ac:spMkLst>
        </pc:spChg>
        <pc:spChg chg="add mod">
          <ac:chgData name="Ogot, Mark Lester" userId="0b3da0ae-959c-459a-985f-9d43681ba7f4" providerId="ADAL" clId="{740736AA-2D8A-477F-8F00-B7CA75F7113B}" dt="2023-02-22T05:41:25.371" v="4694" actId="1076"/>
          <ac:spMkLst>
            <pc:docMk/>
            <pc:sldMk cId="4150294950" sldId="1388"/>
            <ac:spMk id="6" creationId="{5CB306C2-D4D7-0F73-B230-40261B29E81F}"/>
          </ac:spMkLst>
        </pc:spChg>
        <pc:spChg chg="add mod">
          <ac:chgData name="Ogot, Mark Lester" userId="0b3da0ae-959c-459a-985f-9d43681ba7f4" providerId="ADAL" clId="{740736AA-2D8A-477F-8F00-B7CA75F7113B}" dt="2023-02-22T05:42:41.647" v="4711" actId="1076"/>
          <ac:spMkLst>
            <pc:docMk/>
            <pc:sldMk cId="4150294950" sldId="1388"/>
            <ac:spMk id="7" creationId="{D43DB710-6859-E2B3-7BDD-9CFFF31C2C9D}"/>
          </ac:spMkLst>
        </pc:spChg>
        <pc:spChg chg="add mod">
          <ac:chgData name="Ogot, Mark Lester" userId="0b3da0ae-959c-459a-985f-9d43681ba7f4" providerId="ADAL" clId="{740736AA-2D8A-477F-8F00-B7CA75F7113B}" dt="2023-02-22T05:41:40.904" v="4695" actId="21"/>
          <ac:spMkLst>
            <pc:docMk/>
            <pc:sldMk cId="4150294950" sldId="1388"/>
            <ac:spMk id="8" creationId="{63CEA527-6E51-4371-9A46-9401FF1FC3A9}"/>
          </ac:spMkLst>
        </pc:spChg>
        <pc:spChg chg="add mod">
          <ac:chgData name="Ogot, Mark Lester" userId="0b3da0ae-959c-459a-985f-9d43681ba7f4" providerId="ADAL" clId="{740736AA-2D8A-477F-8F00-B7CA75F7113B}" dt="2023-02-22T05:41:57.405" v="4701" actId="20577"/>
          <ac:spMkLst>
            <pc:docMk/>
            <pc:sldMk cId="4150294950" sldId="1388"/>
            <ac:spMk id="9" creationId="{EE888E96-903C-19C0-6D58-6FBB78809B61}"/>
          </ac:spMkLst>
        </pc:spChg>
        <pc:picChg chg="add del mod">
          <ac:chgData name="Ogot, Mark Lester" userId="0b3da0ae-959c-459a-985f-9d43681ba7f4" providerId="ADAL" clId="{740736AA-2D8A-477F-8F00-B7CA75F7113B}" dt="2023-02-22T05:28:59.939" v="4551" actId="478"/>
          <ac:picMkLst>
            <pc:docMk/>
            <pc:sldMk cId="4150294950" sldId="1388"/>
            <ac:picMk id="3" creationId="{A89F2BCB-B88D-9119-B00A-0E222DA64820}"/>
          </ac:picMkLst>
        </pc:picChg>
        <pc:picChg chg="add mod">
          <ac:chgData name="Ogot, Mark Lester" userId="0b3da0ae-959c-459a-985f-9d43681ba7f4" providerId="ADAL" clId="{740736AA-2D8A-477F-8F00-B7CA75F7113B}" dt="2023-02-22T05:42:32.497" v="4710" actId="1076"/>
          <ac:picMkLst>
            <pc:docMk/>
            <pc:sldMk cId="4150294950" sldId="1388"/>
            <ac:picMk id="10" creationId="{D3FB070C-AEC1-2723-DCFC-29468490BEDA}"/>
          </ac:picMkLst>
        </pc:picChg>
        <pc:cxnChg chg="del">
          <ac:chgData name="Ogot, Mark Lester" userId="0b3da0ae-959c-459a-985f-9d43681ba7f4" providerId="ADAL" clId="{740736AA-2D8A-477F-8F00-B7CA75F7113B}" dt="2023-02-23T00:25:12.063" v="8169" actId="478"/>
          <ac:cxnSpMkLst>
            <pc:docMk/>
            <pc:sldMk cId="4150294950" sldId="1388"/>
            <ac:cxnSpMk id="12" creationId="{E491CAEF-7453-0D16-C74A-DE0D4D9CE8C6}"/>
          </ac:cxnSpMkLst>
        </pc:cxnChg>
        <pc:cxnChg chg="del">
          <ac:chgData name="Ogot, Mark Lester" userId="0b3da0ae-959c-459a-985f-9d43681ba7f4" providerId="ADAL" clId="{740736AA-2D8A-477F-8F00-B7CA75F7113B}" dt="2023-02-23T00:25:12.922" v="8170" actId="478"/>
          <ac:cxnSpMkLst>
            <pc:docMk/>
            <pc:sldMk cId="4150294950" sldId="1388"/>
            <ac:cxnSpMk id="17" creationId="{3C0A6619-340F-7CB3-DDA4-16B9BADE4D48}"/>
          </ac:cxnSpMkLst>
        </pc:cxnChg>
        <pc:cxnChg chg="del">
          <ac:chgData name="Ogot, Mark Lester" userId="0b3da0ae-959c-459a-985f-9d43681ba7f4" providerId="ADAL" clId="{740736AA-2D8A-477F-8F00-B7CA75F7113B}" dt="2023-02-23T00:25:13.970" v="8171" actId="478"/>
          <ac:cxnSpMkLst>
            <pc:docMk/>
            <pc:sldMk cId="4150294950" sldId="1388"/>
            <ac:cxnSpMk id="18" creationId="{26B81832-76BE-DBB9-B98E-E7C6364BE2CB}"/>
          </ac:cxnSpMkLst>
        </pc:cxnChg>
        <pc:cxnChg chg="del">
          <ac:chgData name="Ogot, Mark Lester" userId="0b3da0ae-959c-459a-985f-9d43681ba7f4" providerId="ADAL" clId="{740736AA-2D8A-477F-8F00-B7CA75F7113B}" dt="2023-02-23T00:25:14.448" v="8172" actId="478"/>
          <ac:cxnSpMkLst>
            <pc:docMk/>
            <pc:sldMk cId="4150294950" sldId="1388"/>
            <ac:cxnSpMk id="21" creationId="{BC16FFB4-5FE7-BB3F-82DB-3D3C4AC315EA}"/>
          </ac:cxnSpMkLst>
        </pc:cxnChg>
      </pc:sldChg>
      <pc:sldChg chg="del mod ord modShow">
        <pc:chgData name="Ogot, Mark Lester" userId="0b3da0ae-959c-459a-985f-9d43681ba7f4" providerId="ADAL" clId="{740736AA-2D8A-477F-8F00-B7CA75F7113B}" dt="2023-02-26T05:12:24.953" v="8273" actId="47"/>
        <pc:sldMkLst>
          <pc:docMk/>
          <pc:sldMk cId="2002089438" sldId="1389"/>
        </pc:sldMkLst>
      </pc:sldChg>
      <pc:sldChg chg="addSp delSp modSp mod">
        <pc:chgData name="Ogot, Mark Lester" userId="0b3da0ae-959c-459a-985f-9d43681ba7f4" providerId="ADAL" clId="{740736AA-2D8A-477F-8F00-B7CA75F7113B}" dt="2023-02-23T00:25:19.288" v="8176" actId="478"/>
        <pc:sldMkLst>
          <pc:docMk/>
          <pc:sldMk cId="1292856687" sldId="1390"/>
        </pc:sldMkLst>
        <pc:spChg chg="mod">
          <ac:chgData name="Ogot, Mark Lester" userId="0b3da0ae-959c-459a-985f-9d43681ba7f4" providerId="ADAL" clId="{740736AA-2D8A-477F-8F00-B7CA75F7113B}" dt="2023-02-22T05:47:04.298" v="4834" actId="20577"/>
          <ac:spMkLst>
            <pc:docMk/>
            <pc:sldMk cId="1292856687" sldId="1390"/>
            <ac:spMk id="4" creationId="{B874381D-3683-E1CA-4051-FAF5437746BA}"/>
          </ac:spMkLst>
        </pc:spChg>
        <pc:spChg chg="add mod">
          <ac:chgData name="Ogot, Mark Lester" userId="0b3da0ae-959c-459a-985f-9d43681ba7f4" providerId="ADAL" clId="{740736AA-2D8A-477F-8F00-B7CA75F7113B}" dt="2023-02-22T23:50:24.749" v="7896" actId="1038"/>
          <ac:spMkLst>
            <pc:docMk/>
            <pc:sldMk cId="1292856687" sldId="1390"/>
            <ac:spMk id="8" creationId="{753405AC-37C6-8115-C97C-DE234E406AB1}"/>
          </ac:spMkLst>
        </pc:spChg>
        <pc:graphicFrameChg chg="add mod">
          <ac:chgData name="Ogot, Mark Lester" userId="0b3da0ae-959c-459a-985f-9d43681ba7f4" providerId="ADAL" clId="{740736AA-2D8A-477F-8F00-B7CA75F7113B}" dt="2023-02-22T05:44:30.566" v="4755" actId="1076"/>
          <ac:graphicFrameMkLst>
            <pc:docMk/>
            <pc:sldMk cId="1292856687" sldId="1390"/>
            <ac:graphicFrameMk id="2" creationId="{0597DDCB-FDDB-EF2C-E52E-1E125DC05B13}"/>
          </ac:graphicFrameMkLst>
        </pc:graphicFrameChg>
        <pc:graphicFrameChg chg="add mod">
          <ac:chgData name="Ogot, Mark Lester" userId="0b3da0ae-959c-459a-985f-9d43681ba7f4" providerId="ADAL" clId="{740736AA-2D8A-477F-8F00-B7CA75F7113B}" dt="2023-02-22T05:45:16.722" v="4788" actId="1076"/>
          <ac:graphicFrameMkLst>
            <pc:docMk/>
            <pc:sldMk cId="1292856687" sldId="1390"/>
            <ac:graphicFrameMk id="3" creationId="{BB1C15F7-C488-47C7-A978-892FFA962C42}"/>
          </ac:graphicFrameMkLst>
        </pc:graphicFrameChg>
        <pc:graphicFrameChg chg="add mod modGraphic">
          <ac:chgData name="Ogot, Mark Lester" userId="0b3da0ae-959c-459a-985f-9d43681ba7f4" providerId="ADAL" clId="{740736AA-2D8A-477F-8F00-B7CA75F7113B}" dt="2023-02-22T05:48:55.656" v="4837" actId="255"/>
          <ac:graphicFrameMkLst>
            <pc:docMk/>
            <pc:sldMk cId="1292856687" sldId="1390"/>
            <ac:graphicFrameMk id="5" creationId="{9C206567-DCAF-C8B6-67B3-41DEB2481042}"/>
          </ac:graphicFrameMkLst>
        </pc:graphicFrameChg>
        <pc:graphicFrameChg chg="add mod">
          <ac:chgData name="Ogot, Mark Lester" userId="0b3da0ae-959c-459a-985f-9d43681ba7f4" providerId="ADAL" clId="{740736AA-2D8A-477F-8F00-B7CA75F7113B}" dt="2023-02-22T05:49:01.656" v="4838" actId="255"/>
          <ac:graphicFrameMkLst>
            <pc:docMk/>
            <pc:sldMk cId="1292856687" sldId="1390"/>
            <ac:graphicFrameMk id="6" creationId="{E7995745-E2D2-518D-2158-1E4E7759DE4D}"/>
          </ac:graphicFrameMkLst>
        </pc:graphicFrameChg>
        <pc:cxnChg chg="add mod">
          <ac:chgData name="Ogot, Mark Lester" userId="0b3da0ae-959c-459a-985f-9d43681ba7f4" providerId="ADAL" clId="{740736AA-2D8A-477F-8F00-B7CA75F7113B}" dt="2023-02-22T23:50:24.749" v="7896" actId="1038"/>
          <ac:cxnSpMkLst>
            <pc:docMk/>
            <pc:sldMk cId="1292856687" sldId="1390"/>
            <ac:cxnSpMk id="10" creationId="{ACCEF57D-B1BF-5B2A-3340-04334A45369C}"/>
          </ac:cxnSpMkLst>
        </pc:cxnChg>
        <pc:cxnChg chg="add del mod">
          <ac:chgData name="Ogot, Mark Lester" userId="0b3da0ae-959c-459a-985f-9d43681ba7f4" providerId="ADAL" clId="{740736AA-2D8A-477F-8F00-B7CA75F7113B}" dt="2023-02-22T23:50:16.702" v="7881" actId="478"/>
          <ac:cxnSpMkLst>
            <pc:docMk/>
            <pc:sldMk cId="1292856687" sldId="1390"/>
            <ac:cxnSpMk id="11" creationId="{E63BA89F-42DD-5804-E329-D37AF11D14F2}"/>
          </ac:cxnSpMkLst>
        </pc:cxnChg>
        <pc:cxnChg chg="del">
          <ac:chgData name="Ogot, Mark Lester" userId="0b3da0ae-959c-459a-985f-9d43681ba7f4" providerId="ADAL" clId="{740736AA-2D8A-477F-8F00-B7CA75F7113B}" dt="2023-02-23T00:25:16.732" v="8173" actId="478"/>
          <ac:cxnSpMkLst>
            <pc:docMk/>
            <pc:sldMk cId="1292856687" sldId="1390"/>
            <ac:cxnSpMk id="12" creationId="{E491CAEF-7453-0D16-C74A-DE0D4D9CE8C6}"/>
          </ac:cxnSpMkLst>
        </pc:cxnChg>
        <pc:cxnChg chg="del">
          <ac:chgData name="Ogot, Mark Lester" userId="0b3da0ae-959c-459a-985f-9d43681ba7f4" providerId="ADAL" clId="{740736AA-2D8A-477F-8F00-B7CA75F7113B}" dt="2023-02-23T00:25:17.877" v="8174" actId="478"/>
          <ac:cxnSpMkLst>
            <pc:docMk/>
            <pc:sldMk cId="1292856687" sldId="1390"/>
            <ac:cxnSpMk id="17" creationId="{3C0A6619-340F-7CB3-DDA4-16B9BADE4D48}"/>
          </ac:cxnSpMkLst>
        </pc:cxnChg>
        <pc:cxnChg chg="del">
          <ac:chgData name="Ogot, Mark Lester" userId="0b3da0ae-959c-459a-985f-9d43681ba7f4" providerId="ADAL" clId="{740736AA-2D8A-477F-8F00-B7CA75F7113B}" dt="2023-02-23T00:25:18.628" v="8175" actId="478"/>
          <ac:cxnSpMkLst>
            <pc:docMk/>
            <pc:sldMk cId="1292856687" sldId="1390"/>
            <ac:cxnSpMk id="18" creationId="{26B81832-76BE-DBB9-B98E-E7C6364BE2CB}"/>
          </ac:cxnSpMkLst>
        </pc:cxnChg>
        <pc:cxnChg chg="del">
          <ac:chgData name="Ogot, Mark Lester" userId="0b3da0ae-959c-459a-985f-9d43681ba7f4" providerId="ADAL" clId="{740736AA-2D8A-477F-8F00-B7CA75F7113B}" dt="2023-02-23T00:25:19.288" v="8176" actId="478"/>
          <ac:cxnSpMkLst>
            <pc:docMk/>
            <pc:sldMk cId="1292856687" sldId="1390"/>
            <ac:cxnSpMk id="21" creationId="{BC16FFB4-5FE7-BB3F-82DB-3D3C4AC315EA}"/>
          </ac:cxnSpMkLst>
        </pc:cxnChg>
      </pc:sldChg>
      <pc:sldChg chg="addSp delSp modSp mod ord">
        <pc:chgData name="Ogot, Mark Lester" userId="0b3da0ae-959c-459a-985f-9d43681ba7f4" providerId="ADAL" clId="{740736AA-2D8A-477F-8F00-B7CA75F7113B}" dt="2023-02-23T00:25:24.872" v="8180" actId="478"/>
        <pc:sldMkLst>
          <pc:docMk/>
          <pc:sldMk cId="2163880909" sldId="1391"/>
        </pc:sldMkLst>
        <pc:spChg chg="mod">
          <ac:chgData name="Ogot, Mark Lester" userId="0b3da0ae-959c-459a-985f-9d43681ba7f4" providerId="ADAL" clId="{740736AA-2D8A-477F-8F00-B7CA75F7113B}" dt="2023-02-22T05:49:55.577" v="4862" actId="20577"/>
          <ac:spMkLst>
            <pc:docMk/>
            <pc:sldMk cId="2163880909" sldId="1391"/>
            <ac:spMk id="4" creationId="{B874381D-3683-E1CA-4051-FAF5437746BA}"/>
          </ac:spMkLst>
        </pc:spChg>
        <pc:spChg chg="add del mod">
          <ac:chgData name="Ogot, Mark Lester" userId="0b3da0ae-959c-459a-985f-9d43681ba7f4" providerId="ADAL" clId="{740736AA-2D8A-477F-8F00-B7CA75F7113B}" dt="2023-02-22T05:56:32.393" v="4998" actId="478"/>
          <ac:spMkLst>
            <pc:docMk/>
            <pc:sldMk cId="2163880909" sldId="1391"/>
            <ac:spMk id="7" creationId="{316A951C-F9A9-D354-0646-F563A3AAC265}"/>
          </ac:spMkLst>
        </pc:spChg>
        <pc:spChg chg="add del mod">
          <ac:chgData name="Ogot, Mark Lester" userId="0b3da0ae-959c-459a-985f-9d43681ba7f4" providerId="ADAL" clId="{740736AA-2D8A-477F-8F00-B7CA75F7113B}" dt="2023-02-22T05:58:56.164" v="5011" actId="11529"/>
          <ac:spMkLst>
            <pc:docMk/>
            <pc:sldMk cId="2163880909" sldId="1391"/>
            <ac:spMk id="8" creationId="{58D62FC4-7B76-FD63-68EE-D87A8178A8A4}"/>
          </ac:spMkLst>
        </pc:spChg>
        <pc:spChg chg="add del mod">
          <ac:chgData name="Ogot, Mark Lester" userId="0b3da0ae-959c-459a-985f-9d43681ba7f4" providerId="ADAL" clId="{740736AA-2D8A-477F-8F00-B7CA75F7113B}" dt="2023-02-22T06:01:00.519" v="5038" actId="478"/>
          <ac:spMkLst>
            <pc:docMk/>
            <pc:sldMk cId="2163880909" sldId="1391"/>
            <ac:spMk id="9" creationId="{7500905E-9815-06D5-89A9-C2607F4D8970}"/>
          </ac:spMkLst>
        </pc:spChg>
        <pc:spChg chg="add del mod">
          <ac:chgData name="Ogot, Mark Lester" userId="0b3da0ae-959c-459a-985f-9d43681ba7f4" providerId="ADAL" clId="{740736AA-2D8A-477F-8F00-B7CA75F7113B}" dt="2023-02-22T06:01:00.519" v="5038" actId="478"/>
          <ac:spMkLst>
            <pc:docMk/>
            <pc:sldMk cId="2163880909" sldId="1391"/>
            <ac:spMk id="10" creationId="{8EA9CAB0-26B0-FDBA-E806-D95D437AC1FB}"/>
          </ac:spMkLst>
        </pc:spChg>
        <pc:spChg chg="add del mod">
          <ac:chgData name="Ogot, Mark Lester" userId="0b3da0ae-959c-459a-985f-9d43681ba7f4" providerId="ADAL" clId="{740736AA-2D8A-477F-8F00-B7CA75F7113B}" dt="2023-02-22T06:01:00.519" v="5038" actId="478"/>
          <ac:spMkLst>
            <pc:docMk/>
            <pc:sldMk cId="2163880909" sldId="1391"/>
            <ac:spMk id="11" creationId="{B2E76448-536D-9166-48D7-2B03C322CF38}"/>
          </ac:spMkLst>
        </pc:spChg>
        <pc:spChg chg="add del mod">
          <ac:chgData name="Ogot, Mark Lester" userId="0b3da0ae-959c-459a-985f-9d43681ba7f4" providerId="ADAL" clId="{740736AA-2D8A-477F-8F00-B7CA75F7113B}" dt="2023-02-22T06:01:00.519" v="5038" actId="478"/>
          <ac:spMkLst>
            <pc:docMk/>
            <pc:sldMk cId="2163880909" sldId="1391"/>
            <ac:spMk id="13" creationId="{7F81DD41-8B7F-5B67-C9D6-615F5D7527FC}"/>
          </ac:spMkLst>
        </pc:spChg>
        <pc:spChg chg="add del mod">
          <ac:chgData name="Ogot, Mark Lester" userId="0b3da0ae-959c-459a-985f-9d43681ba7f4" providerId="ADAL" clId="{740736AA-2D8A-477F-8F00-B7CA75F7113B}" dt="2023-02-22T06:04:59.561" v="5160" actId="478"/>
          <ac:spMkLst>
            <pc:docMk/>
            <pc:sldMk cId="2163880909" sldId="1391"/>
            <ac:spMk id="14" creationId="{49C5A1A5-DA06-9753-9C48-911AB116134B}"/>
          </ac:spMkLst>
        </pc:spChg>
        <pc:spChg chg="add del mod">
          <ac:chgData name="Ogot, Mark Lester" userId="0b3da0ae-959c-459a-985f-9d43681ba7f4" providerId="ADAL" clId="{740736AA-2D8A-477F-8F00-B7CA75F7113B}" dt="2023-02-22T06:01:48.496" v="5072"/>
          <ac:spMkLst>
            <pc:docMk/>
            <pc:sldMk cId="2163880909" sldId="1391"/>
            <ac:spMk id="15" creationId="{755DB84C-0634-F69B-3871-82D2D55FFBD5}"/>
          </ac:spMkLst>
        </pc:spChg>
        <pc:spChg chg="add del mod">
          <ac:chgData name="Ogot, Mark Lester" userId="0b3da0ae-959c-459a-985f-9d43681ba7f4" providerId="ADAL" clId="{740736AA-2D8A-477F-8F00-B7CA75F7113B}" dt="2023-02-22T06:01:46.957" v="5068"/>
          <ac:spMkLst>
            <pc:docMk/>
            <pc:sldMk cId="2163880909" sldId="1391"/>
            <ac:spMk id="16" creationId="{7CB981C7-1AAA-FEB9-66BE-3C8BCC8AF260}"/>
          </ac:spMkLst>
        </pc:spChg>
        <pc:spChg chg="add del mod">
          <ac:chgData name="Ogot, Mark Lester" userId="0b3da0ae-959c-459a-985f-9d43681ba7f4" providerId="ADAL" clId="{740736AA-2D8A-477F-8F00-B7CA75F7113B}" dt="2023-02-22T06:01:44.050" v="5061"/>
          <ac:spMkLst>
            <pc:docMk/>
            <pc:sldMk cId="2163880909" sldId="1391"/>
            <ac:spMk id="19" creationId="{A9845A1E-66AB-A11B-2AB8-2A453FF38F8C}"/>
          </ac:spMkLst>
        </pc:spChg>
        <pc:spChg chg="add del mod">
          <ac:chgData name="Ogot, Mark Lester" userId="0b3da0ae-959c-459a-985f-9d43681ba7f4" providerId="ADAL" clId="{740736AA-2D8A-477F-8F00-B7CA75F7113B}" dt="2023-02-22T06:04:59.561" v="5160" actId="478"/>
          <ac:spMkLst>
            <pc:docMk/>
            <pc:sldMk cId="2163880909" sldId="1391"/>
            <ac:spMk id="20" creationId="{0D72DCE4-5660-A176-82FF-38C451E17795}"/>
          </ac:spMkLst>
        </pc:spChg>
        <pc:spChg chg="add del mod">
          <ac:chgData name="Ogot, Mark Lester" userId="0b3da0ae-959c-459a-985f-9d43681ba7f4" providerId="ADAL" clId="{740736AA-2D8A-477F-8F00-B7CA75F7113B}" dt="2023-02-22T06:04:59.561" v="5160" actId="478"/>
          <ac:spMkLst>
            <pc:docMk/>
            <pc:sldMk cId="2163880909" sldId="1391"/>
            <ac:spMk id="22" creationId="{F6FA5205-2C01-43AE-3039-D51C5ADDF196}"/>
          </ac:spMkLst>
        </pc:spChg>
        <pc:spChg chg="add del mod">
          <ac:chgData name="Ogot, Mark Lester" userId="0b3da0ae-959c-459a-985f-9d43681ba7f4" providerId="ADAL" clId="{740736AA-2D8A-477F-8F00-B7CA75F7113B}" dt="2023-02-22T06:04:59.561" v="5160" actId="478"/>
          <ac:spMkLst>
            <pc:docMk/>
            <pc:sldMk cId="2163880909" sldId="1391"/>
            <ac:spMk id="23" creationId="{66F0EE18-03DF-5C89-BE16-3BF32C39ECAA}"/>
          </ac:spMkLst>
        </pc:spChg>
        <pc:spChg chg="add del mod">
          <ac:chgData name="Ogot, Mark Lester" userId="0b3da0ae-959c-459a-985f-9d43681ba7f4" providerId="ADAL" clId="{740736AA-2D8A-477F-8F00-B7CA75F7113B}" dt="2023-02-22T06:04:59.561" v="5160" actId="478"/>
          <ac:spMkLst>
            <pc:docMk/>
            <pc:sldMk cId="2163880909" sldId="1391"/>
            <ac:spMk id="24" creationId="{88BF1920-C7C8-5C6C-7195-ED7A8E0338C1}"/>
          </ac:spMkLst>
        </pc:spChg>
        <pc:spChg chg="add del mod">
          <ac:chgData name="Ogot, Mark Lester" userId="0b3da0ae-959c-459a-985f-9d43681ba7f4" providerId="ADAL" clId="{740736AA-2D8A-477F-8F00-B7CA75F7113B}" dt="2023-02-22T06:04:59.561" v="5160" actId="478"/>
          <ac:spMkLst>
            <pc:docMk/>
            <pc:sldMk cId="2163880909" sldId="1391"/>
            <ac:spMk id="25" creationId="{B4561B6F-6C34-67FC-6468-7C2A92D4C773}"/>
          </ac:spMkLst>
        </pc:spChg>
        <pc:spChg chg="add del mod">
          <ac:chgData name="Ogot, Mark Lester" userId="0b3da0ae-959c-459a-985f-9d43681ba7f4" providerId="ADAL" clId="{740736AA-2D8A-477F-8F00-B7CA75F7113B}" dt="2023-02-22T06:03:45.052" v="5146" actId="478"/>
          <ac:spMkLst>
            <pc:docMk/>
            <pc:sldMk cId="2163880909" sldId="1391"/>
            <ac:spMk id="26" creationId="{684CE8EA-338E-7823-28A0-014D385E6EC0}"/>
          </ac:spMkLst>
        </pc:spChg>
        <pc:spChg chg="add del mod">
          <ac:chgData name="Ogot, Mark Lester" userId="0b3da0ae-959c-459a-985f-9d43681ba7f4" providerId="ADAL" clId="{740736AA-2D8A-477F-8F00-B7CA75F7113B}" dt="2023-02-22T06:03:45.052" v="5146" actId="478"/>
          <ac:spMkLst>
            <pc:docMk/>
            <pc:sldMk cId="2163880909" sldId="1391"/>
            <ac:spMk id="27" creationId="{D8F98A33-E284-6F63-EBAB-C9B7422872DD}"/>
          </ac:spMkLst>
        </pc:spChg>
        <pc:spChg chg="add mod">
          <ac:chgData name="Ogot, Mark Lester" userId="0b3da0ae-959c-459a-985f-9d43681ba7f4" providerId="ADAL" clId="{740736AA-2D8A-477F-8F00-B7CA75F7113B}" dt="2023-02-22T23:45:46.504" v="7744" actId="1076"/>
          <ac:spMkLst>
            <pc:docMk/>
            <pc:sldMk cId="2163880909" sldId="1391"/>
            <ac:spMk id="32" creationId="{64977448-CF42-6EB8-DD97-FEFB7707ADA4}"/>
          </ac:spMkLst>
        </pc:spChg>
        <pc:spChg chg="add mod">
          <ac:chgData name="Ogot, Mark Lester" userId="0b3da0ae-959c-459a-985f-9d43681ba7f4" providerId="ADAL" clId="{740736AA-2D8A-477F-8F00-B7CA75F7113B}" dt="2023-02-22T23:45:49.842" v="7745" actId="1076"/>
          <ac:spMkLst>
            <pc:docMk/>
            <pc:sldMk cId="2163880909" sldId="1391"/>
            <ac:spMk id="34" creationId="{B1A55972-83B4-5FB6-9F6B-7F55EC37EC8E}"/>
          </ac:spMkLst>
        </pc:spChg>
        <pc:graphicFrameChg chg="add del mod">
          <ac:chgData name="Ogot, Mark Lester" userId="0b3da0ae-959c-459a-985f-9d43681ba7f4" providerId="ADAL" clId="{740736AA-2D8A-477F-8F00-B7CA75F7113B}" dt="2023-02-22T05:56:12.806" v="4997" actId="478"/>
          <ac:graphicFrameMkLst>
            <pc:docMk/>
            <pc:sldMk cId="2163880909" sldId="1391"/>
            <ac:graphicFrameMk id="2" creationId="{4382DB38-86AA-177D-D17B-4E4C7C914918}"/>
          </ac:graphicFrameMkLst>
        </pc:graphicFrameChg>
        <pc:graphicFrameChg chg="add del mod modGraphic">
          <ac:chgData name="Ogot, Mark Lester" userId="0b3da0ae-959c-459a-985f-9d43681ba7f4" providerId="ADAL" clId="{740736AA-2D8A-477F-8F00-B7CA75F7113B}" dt="2023-02-22T06:05:42.757" v="5165" actId="478"/>
          <ac:graphicFrameMkLst>
            <pc:docMk/>
            <pc:sldMk cId="2163880909" sldId="1391"/>
            <ac:graphicFrameMk id="3" creationId="{6D9CD542-AF86-897B-CC24-A89ABDB84ABE}"/>
          </ac:graphicFrameMkLst>
        </pc:graphicFrameChg>
        <pc:graphicFrameChg chg="add del modGraphic">
          <ac:chgData name="Ogot, Mark Lester" userId="0b3da0ae-959c-459a-985f-9d43681ba7f4" providerId="ADAL" clId="{740736AA-2D8A-477F-8F00-B7CA75F7113B}" dt="2023-02-22T05:53:29.868" v="4982" actId="1032"/>
          <ac:graphicFrameMkLst>
            <pc:docMk/>
            <pc:sldMk cId="2163880909" sldId="1391"/>
            <ac:graphicFrameMk id="5" creationId="{21EE4B3F-E7DA-309D-0B4E-58D782CC2C90}"/>
          </ac:graphicFrameMkLst>
        </pc:graphicFrameChg>
        <pc:graphicFrameChg chg="add mod modGraphic">
          <ac:chgData name="Ogot, Mark Lester" userId="0b3da0ae-959c-459a-985f-9d43681ba7f4" providerId="ADAL" clId="{740736AA-2D8A-477F-8F00-B7CA75F7113B}" dt="2023-02-22T23:45:42.238" v="7743" actId="14100"/>
          <ac:graphicFrameMkLst>
            <pc:docMk/>
            <pc:sldMk cId="2163880909" sldId="1391"/>
            <ac:graphicFrameMk id="28" creationId="{A1133062-76FE-A037-3C01-2C7C826D9138}"/>
          </ac:graphicFrameMkLst>
        </pc:graphicFrameChg>
        <pc:picChg chg="add mod">
          <ac:chgData name="Ogot, Mark Lester" userId="0b3da0ae-959c-459a-985f-9d43681ba7f4" providerId="ADAL" clId="{740736AA-2D8A-477F-8F00-B7CA75F7113B}" dt="2023-02-22T23:50:38.103" v="7897" actId="1076"/>
          <ac:picMkLst>
            <pc:docMk/>
            <pc:sldMk cId="2163880909" sldId="1391"/>
            <ac:picMk id="3" creationId="{F418591C-CF59-5EC1-7ED5-34623AB1869A}"/>
          </ac:picMkLst>
        </pc:picChg>
        <pc:picChg chg="add mod">
          <ac:chgData name="Ogot, Mark Lester" userId="0b3da0ae-959c-459a-985f-9d43681ba7f4" providerId="ADAL" clId="{740736AA-2D8A-477F-8F00-B7CA75F7113B}" dt="2023-02-22T23:50:42.080" v="7899" actId="1076"/>
          <ac:picMkLst>
            <pc:docMk/>
            <pc:sldMk cId="2163880909" sldId="1391"/>
            <ac:picMk id="30" creationId="{610FD5F8-1688-360E-D329-4A030ACCD69E}"/>
          </ac:picMkLst>
        </pc:picChg>
        <pc:picChg chg="add mod">
          <ac:chgData name="Ogot, Mark Lester" userId="0b3da0ae-959c-459a-985f-9d43681ba7f4" providerId="ADAL" clId="{740736AA-2D8A-477F-8F00-B7CA75F7113B}" dt="2023-02-22T23:50:42.080" v="7899" actId="1076"/>
          <ac:picMkLst>
            <pc:docMk/>
            <pc:sldMk cId="2163880909" sldId="1391"/>
            <ac:picMk id="31" creationId="{5A9C3455-0535-1283-C103-ED17B9094DCC}"/>
          </ac:picMkLst>
        </pc:picChg>
        <pc:picChg chg="add mod">
          <ac:chgData name="Ogot, Mark Lester" userId="0b3da0ae-959c-459a-985f-9d43681ba7f4" providerId="ADAL" clId="{740736AA-2D8A-477F-8F00-B7CA75F7113B}" dt="2023-02-22T23:50:39.307" v="7898" actId="1076"/>
          <ac:picMkLst>
            <pc:docMk/>
            <pc:sldMk cId="2163880909" sldId="1391"/>
            <ac:picMk id="1026" creationId="{0D80A9AF-87F9-7C00-013B-4474123A643C}"/>
          </ac:picMkLst>
        </pc:picChg>
        <pc:cxnChg chg="del">
          <ac:chgData name="Ogot, Mark Lester" userId="0b3da0ae-959c-459a-985f-9d43681ba7f4" providerId="ADAL" clId="{740736AA-2D8A-477F-8F00-B7CA75F7113B}" dt="2023-02-23T00:25:22.609" v="8177" actId="478"/>
          <ac:cxnSpMkLst>
            <pc:docMk/>
            <pc:sldMk cId="2163880909" sldId="1391"/>
            <ac:cxnSpMk id="12" creationId="{E491CAEF-7453-0D16-C74A-DE0D4D9CE8C6}"/>
          </ac:cxnSpMkLst>
        </pc:cxnChg>
        <pc:cxnChg chg="del">
          <ac:chgData name="Ogot, Mark Lester" userId="0b3da0ae-959c-459a-985f-9d43681ba7f4" providerId="ADAL" clId="{740736AA-2D8A-477F-8F00-B7CA75F7113B}" dt="2023-02-23T00:25:23.340" v="8178" actId="478"/>
          <ac:cxnSpMkLst>
            <pc:docMk/>
            <pc:sldMk cId="2163880909" sldId="1391"/>
            <ac:cxnSpMk id="17" creationId="{3C0A6619-340F-7CB3-DDA4-16B9BADE4D48}"/>
          </ac:cxnSpMkLst>
        </pc:cxnChg>
        <pc:cxnChg chg="del">
          <ac:chgData name="Ogot, Mark Lester" userId="0b3da0ae-959c-459a-985f-9d43681ba7f4" providerId="ADAL" clId="{740736AA-2D8A-477F-8F00-B7CA75F7113B}" dt="2023-02-23T00:25:24.233" v="8179" actId="478"/>
          <ac:cxnSpMkLst>
            <pc:docMk/>
            <pc:sldMk cId="2163880909" sldId="1391"/>
            <ac:cxnSpMk id="18" creationId="{26B81832-76BE-DBB9-B98E-E7C6364BE2CB}"/>
          </ac:cxnSpMkLst>
        </pc:cxnChg>
        <pc:cxnChg chg="del">
          <ac:chgData name="Ogot, Mark Lester" userId="0b3da0ae-959c-459a-985f-9d43681ba7f4" providerId="ADAL" clId="{740736AA-2D8A-477F-8F00-B7CA75F7113B}" dt="2023-02-22T06:04:59.561" v="5160" actId="478"/>
          <ac:cxnSpMkLst>
            <pc:docMk/>
            <pc:sldMk cId="2163880909" sldId="1391"/>
            <ac:cxnSpMk id="21" creationId="{BC16FFB4-5FE7-BB3F-82DB-3D3C4AC315EA}"/>
          </ac:cxnSpMkLst>
        </pc:cxnChg>
        <pc:cxnChg chg="add del mod">
          <ac:chgData name="Ogot, Mark Lester" userId="0b3da0ae-959c-459a-985f-9d43681ba7f4" providerId="ADAL" clId="{740736AA-2D8A-477F-8F00-B7CA75F7113B}" dt="2023-02-23T00:25:24.872" v="8180" actId="478"/>
          <ac:cxnSpMkLst>
            <pc:docMk/>
            <pc:sldMk cId="2163880909" sldId="1391"/>
            <ac:cxnSpMk id="29" creationId="{F8A0B163-AB93-2097-1F03-FD124131061E}"/>
          </ac:cxnSpMkLst>
        </pc:cxnChg>
      </pc:sldChg>
      <pc:sldChg chg="addSp modSp del mod ord modShow">
        <pc:chgData name="Ogot, Mark Lester" userId="0b3da0ae-959c-459a-985f-9d43681ba7f4" providerId="ADAL" clId="{740736AA-2D8A-477F-8F00-B7CA75F7113B}" dt="2023-02-26T05:12:24.953" v="8273" actId="47"/>
        <pc:sldMkLst>
          <pc:docMk/>
          <pc:sldMk cId="1796909559" sldId="1392"/>
        </pc:sldMkLst>
        <pc:spChg chg="add mod">
          <ac:chgData name="Ogot, Mark Lester" userId="0b3da0ae-959c-459a-985f-9d43681ba7f4" providerId="ADAL" clId="{740736AA-2D8A-477F-8F00-B7CA75F7113B}" dt="2023-02-22T09:59:07.225" v="5889" actId="5736"/>
          <ac:spMkLst>
            <pc:docMk/>
            <pc:sldMk cId="1796909559" sldId="1392"/>
            <ac:spMk id="2" creationId="{8232D0D0-8F4E-CC47-502C-5A48E2EC48AD}"/>
          </ac:spMkLst>
        </pc:spChg>
        <pc:spChg chg="add mod">
          <ac:chgData name="Ogot, Mark Lester" userId="0b3da0ae-959c-459a-985f-9d43681ba7f4" providerId="ADAL" clId="{740736AA-2D8A-477F-8F00-B7CA75F7113B}" dt="2023-02-22T09:59:07.225" v="5889" actId="5736"/>
          <ac:spMkLst>
            <pc:docMk/>
            <pc:sldMk cId="1796909559" sldId="1392"/>
            <ac:spMk id="3" creationId="{86B64014-F55B-957C-E6D3-A3158DFA109D}"/>
          </ac:spMkLst>
        </pc:spChg>
        <pc:spChg chg="add mod">
          <ac:chgData name="Ogot, Mark Lester" userId="0b3da0ae-959c-459a-985f-9d43681ba7f4" providerId="ADAL" clId="{740736AA-2D8A-477F-8F00-B7CA75F7113B}" dt="2023-02-22T09:59:07.225" v="5889" actId="5736"/>
          <ac:spMkLst>
            <pc:docMk/>
            <pc:sldMk cId="1796909559" sldId="1392"/>
            <ac:spMk id="5" creationId="{683D727D-2D55-E69A-47CE-1F71CAEE4755}"/>
          </ac:spMkLst>
        </pc:spChg>
        <pc:spChg chg="add mod">
          <ac:chgData name="Ogot, Mark Lester" userId="0b3da0ae-959c-459a-985f-9d43681ba7f4" providerId="ADAL" clId="{740736AA-2D8A-477F-8F00-B7CA75F7113B}" dt="2023-02-22T09:59:07.225" v="5889" actId="5736"/>
          <ac:spMkLst>
            <pc:docMk/>
            <pc:sldMk cId="1796909559" sldId="1392"/>
            <ac:spMk id="6" creationId="{6271F215-B2B6-D44B-3835-53BE4F21144A}"/>
          </ac:spMkLst>
        </pc:spChg>
        <pc:spChg chg="add mod">
          <ac:chgData name="Ogot, Mark Lester" userId="0b3da0ae-959c-459a-985f-9d43681ba7f4" providerId="ADAL" clId="{740736AA-2D8A-477F-8F00-B7CA75F7113B}" dt="2023-02-22T09:59:07.225" v="5889" actId="5736"/>
          <ac:spMkLst>
            <pc:docMk/>
            <pc:sldMk cId="1796909559" sldId="1392"/>
            <ac:spMk id="7" creationId="{BA7E9F3B-57DB-6085-9AAB-6D2EB321D9F4}"/>
          </ac:spMkLst>
        </pc:spChg>
        <pc:spChg chg="add mod">
          <ac:chgData name="Ogot, Mark Lester" userId="0b3da0ae-959c-459a-985f-9d43681ba7f4" providerId="ADAL" clId="{740736AA-2D8A-477F-8F00-B7CA75F7113B}" dt="2023-02-22T09:59:07.225" v="5889" actId="5736"/>
          <ac:spMkLst>
            <pc:docMk/>
            <pc:sldMk cId="1796909559" sldId="1392"/>
            <ac:spMk id="9" creationId="{8AB4CABF-F209-8FAA-F561-9B4F2AD03B82}"/>
          </ac:spMkLst>
        </pc:spChg>
        <pc:spChg chg="add mod">
          <ac:chgData name="Ogot, Mark Lester" userId="0b3da0ae-959c-459a-985f-9d43681ba7f4" providerId="ADAL" clId="{740736AA-2D8A-477F-8F00-B7CA75F7113B}" dt="2023-02-22T09:59:07.225" v="5889" actId="5736"/>
          <ac:spMkLst>
            <pc:docMk/>
            <pc:sldMk cId="1796909559" sldId="1392"/>
            <ac:spMk id="10" creationId="{E2CE217C-2D8A-CAD4-949A-C67FFA8585CC}"/>
          </ac:spMkLst>
        </pc:spChg>
        <pc:spChg chg="add mod">
          <ac:chgData name="Ogot, Mark Lester" userId="0b3da0ae-959c-459a-985f-9d43681ba7f4" providerId="ADAL" clId="{740736AA-2D8A-477F-8F00-B7CA75F7113B}" dt="2023-02-23T03:47:28.559" v="8257" actId="313"/>
          <ac:spMkLst>
            <pc:docMk/>
            <pc:sldMk cId="1796909559" sldId="1392"/>
            <ac:spMk id="11" creationId="{05074E65-DEDA-4269-E287-286D187FAECB}"/>
          </ac:spMkLst>
        </pc:spChg>
        <pc:spChg chg="add mod">
          <ac:chgData name="Ogot, Mark Lester" userId="0b3da0ae-959c-459a-985f-9d43681ba7f4" providerId="ADAL" clId="{740736AA-2D8A-477F-8F00-B7CA75F7113B}" dt="2023-02-22T09:59:07.225" v="5889" actId="5736"/>
          <ac:spMkLst>
            <pc:docMk/>
            <pc:sldMk cId="1796909559" sldId="1392"/>
            <ac:spMk id="13" creationId="{071D4164-9B27-828F-AEFA-862CAAC05F76}"/>
          </ac:spMkLst>
        </pc:spChg>
        <pc:spChg chg="add mod">
          <ac:chgData name="Ogot, Mark Lester" userId="0b3da0ae-959c-459a-985f-9d43681ba7f4" providerId="ADAL" clId="{740736AA-2D8A-477F-8F00-B7CA75F7113B}" dt="2023-02-22T09:59:07.225" v="5889" actId="5736"/>
          <ac:spMkLst>
            <pc:docMk/>
            <pc:sldMk cId="1796909559" sldId="1392"/>
            <ac:spMk id="14" creationId="{3079D249-58E0-B700-198C-9379CE1B5DCB}"/>
          </ac:spMkLst>
        </pc:spChg>
        <pc:spChg chg="add mod">
          <ac:chgData name="Ogot, Mark Lester" userId="0b3da0ae-959c-459a-985f-9d43681ba7f4" providerId="ADAL" clId="{740736AA-2D8A-477F-8F00-B7CA75F7113B}" dt="2023-02-22T09:59:07.225" v="5889" actId="5736"/>
          <ac:spMkLst>
            <pc:docMk/>
            <pc:sldMk cId="1796909559" sldId="1392"/>
            <ac:spMk id="15" creationId="{4C578888-FE77-CF59-440A-5FB94D0E080E}"/>
          </ac:spMkLst>
        </pc:spChg>
        <pc:spChg chg="add mod">
          <ac:chgData name="Ogot, Mark Lester" userId="0b3da0ae-959c-459a-985f-9d43681ba7f4" providerId="ADAL" clId="{740736AA-2D8A-477F-8F00-B7CA75F7113B}" dt="2023-02-22T09:59:07.225" v="5889" actId="5736"/>
          <ac:spMkLst>
            <pc:docMk/>
            <pc:sldMk cId="1796909559" sldId="1392"/>
            <ac:spMk id="16" creationId="{A3A35027-5B8B-7A28-CDF6-510E44A17678}"/>
          </ac:spMkLst>
        </pc:spChg>
        <pc:spChg chg="add mod">
          <ac:chgData name="Ogot, Mark Lester" userId="0b3da0ae-959c-459a-985f-9d43681ba7f4" providerId="ADAL" clId="{740736AA-2D8A-477F-8F00-B7CA75F7113B}" dt="2023-02-22T09:59:07.225" v="5889" actId="5736"/>
          <ac:spMkLst>
            <pc:docMk/>
            <pc:sldMk cId="1796909559" sldId="1392"/>
            <ac:spMk id="19" creationId="{110F844B-8722-0D2A-C8D2-47F5C479B218}"/>
          </ac:spMkLst>
        </pc:spChg>
        <pc:spChg chg="add mod">
          <ac:chgData name="Ogot, Mark Lester" userId="0b3da0ae-959c-459a-985f-9d43681ba7f4" providerId="ADAL" clId="{740736AA-2D8A-477F-8F00-B7CA75F7113B}" dt="2023-02-22T09:59:07.225" v="5889" actId="5736"/>
          <ac:spMkLst>
            <pc:docMk/>
            <pc:sldMk cId="1796909559" sldId="1392"/>
            <ac:spMk id="20" creationId="{04923A44-0FF0-7E98-C2DC-BAEC2A6A83CA}"/>
          </ac:spMkLst>
        </pc:spChg>
        <pc:spChg chg="add mod">
          <ac:chgData name="Ogot, Mark Lester" userId="0b3da0ae-959c-459a-985f-9d43681ba7f4" providerId="ADAL" clId="{740736AA-2D8A-477F-8F00-B7CA75F7113B}" dt="2023-02-22T09:59:07.225" v="5889" actId="5736"/>
          <ac:spMkLst>
            <pc:docMk/>
            <pc:sldMk cId="1796909559" sldId="1392"/>
            <ac:spMk id="22" creationId="{447791AA-96C1-6986-263B-45444504443D}"/>
          </ac:spMkLst>
        </pc:spChg>
        <pc:spChg chg="add mod">
          <ac:chgData name="Ogot, Mark Lester" userId="0b3da0ae-959c-459a-985f-9d43681ba7f4" providerId="ADAL" clId="{740736AA-2D8A-477F-8F00-B7CA75F7113B}" dt="2023-02-22T09:59:07.225" v="5889" actId="5736"/>
          <ac:spMkLst>
            <pc:docMk/>
            <pc:sldMk cId="1796909559" sldId="1392"/>
            <ac:spMk id="23" creationId="{F845C892-5F26-9BF4-C824-4169B3F8ADE3}"/>
          </ac:spMkLst>
        </pc:spChg>
        <pc:spChg chg="add mod">
          <ac:chgData name="Ogot, Mark Lester" userId="0b3da0ae-959c-459a-985f-9d43681ba7f4" providerId="ADAL" clId="{740736AA-2D8A-477F-8F00-B7CA75F7113B}" dt="2023-02-22T09:59:07.225" v="5889" actId="5736"/>
          <ac:spMkLst>
            <pc:docMk/>
            <pc:sldMk cId="1796909559" sldId="1392"/>
            <ac:spMk id="24" creationId="{D12B6AC0-149C-67BE-CD19-8661FDCBA0C3}"/>
          </ac:spMkLst>
        </pc:spChg>
        <pc:spChg chg="add mod">
          <ac:chgData name="Ogot, Mark Lester" userId="0b3da0ae-959c-459a-985f-9d43681ba7f4" providerId="ADAL" clId="{740736AA-2D8A-477F-8F00-B7CA75F7113B}" dt="2023-02-22T09:59:07.225" v="5889" actId="5736"/>
          <ac:spMkLst>
            <pc:docMk/>
            <pc:sldMk cId="1796909559" sldId="1392"/>
            <ac:spMk id="25" creationId="{C402AE3A-3AEC-65A3-82E4-AFF2D4FA21FD}"/>
          </ac:spMkLst>
        </pc:spChg>
        <pc:spChg chg="add mod">
          <ac:chgData name="Ogot, Mark Lester" userId="0b3da0ae-959c-459a-985f-9d43681ba7f4" providerId="ADAL" clId="{740736AA-2D8A-477F-8F00-B7CA75F7113B}" dt="2023-02-22T09:59:07.225" v="5889" actId="5736"/>
          <ac:spMkLst>
            <pc:docMk/>
            <pc:sldMk cId="1796909559" sldId="1392"/>
            <ac:spMk id="26" creationId="{1E8FE07B-4875-5699-B6C5-C8755400A4E2}"/>
          </ac:spMkLst>
        </pc:spChg>
        <pc:spChg chg="add mod">
          <ac:chgData name="Ogot, Mark Lester" userId="0b3da0ae-959c-459a-985f-9d43681ba7f4" providerId="ADAL" clId="{740736AA-2D8A-477F-8F00-B7CA75F7113B}" dt="2023-02-22T09:59:07.225" v="5889" actId="5736"/>
          <ac:spMkLst>
            <pc:docMk/>
            <pc:sldMk cId="1796909559" sldId="1392"/>
            <ac:spMk id="27" creationId="{457B1A20-F0AF-84CC-D8AF-F236753D2D24}"/>
          </ac:spMkLst>
        </pc:spChg>
        <pc:spChg chg="add mod">
          <ac:chgData name="Ogot, Mark Lester" userId="0b3da0ae-959c-459a-985f-9d43681ba7f4" providerId="ADAL" clId="{740736AA-2D8A-477F-8F00-B7CA75F7113B}" dt="2023-02-22T09:59:07.225" v="5889" actId="5736"/>
          <ac:spMkLst>
            <pc:docMk/>
            <pc:sldMk cId="1796909559" sldId="1392"/>
            <ac:spMk id="28" creationId="{88309028-D3F3-967C-AF50-3AAA6E42E17D}"/>
          </ac:spMkLst>
        </pc:spChg>
        <pc:spChg chg="add mod">
          <ac:chgData name="Ogot, Mark Lester" userId="0b3da0ae-959c-459a-985f-9d43681ba7f4" providerId="ADAL" clId="{740736AA-2D8A-477F-8F00-B7CA75F7113B}" dt="2023-02-22T09:59:07.225" v="5889" actId="5736"/>
          <ac:spMkLst>
            <pc:docMk/>
            <pc:sldMk cId="1796909559" sldId="1392"/>
            <ac:spMk id="29" creationId="{B94C3A15-42A1-E29F-3613-D4631F486314}"/>
          </ac:spMkLst>
        </pc:spChg>
        <pc:spChg chg="add mod">
          <ac:chgData name="Ogot, Mark Lester" userId="0b3da0ae-959c-459a-985f-9d43681ba7f4" providerId="ADAL" clId="{740736AA-2D8A-477F-8F00-B7CA75F7113B}" dt="2023-02-22T09:59:07.225" v="5889" actId="5736"/>
          <ac:spMkLst>
            <pc:docMk/>
            <pc:sldMk cId="1796909559" sldId="1392"/>
            <ac:spMk id="30" creationId="{CB1E3EC5-A4EA-7428-1DBD-0814391989B0}"/>
          </ac:spMkLst>
        </pc:spChg>
        <pc:spChg chg="add mod">
          <ac:chgData name="Ogot, Mark Lester" userId="0b3da0ae-959c-459a-985f-9d43681ba7f4" providerId="ADAL" clId="{740736AA-2D8A-477F-8F00-B7CA75F7113B}" dt="2023-02-22T09:59:07.225" v="5889" actId="5736"/>
          <ac:spMkLst>
            <pc:docMk/>
            <pc:sldMk cId="1796909559" sldId="1392"/>
            <ac:spMk id="31" creationId="{02A0A7E6-152F-A04B-A73D-42F786DF079E}"/>
          </ac:spMkLst>
        </pc:spChg>
        <pc:spChg chg="add mod">
          <ac:chgData name="Ogot, Mark Lester" userId="0b3da0ae-959c-459a-985f-9d43681ba7f4" providerId="ADAL" clId="{740736AA-2D8A-477F-8F00-B7CA75F7113B}" dt="2023-02-22T09:59:07.225" v="5889" actId="5736"/>
          <ac:spMkLst>
            <pc:docMk/>
            <pc:sldMk cId="1796909559" sldId="1392"/>
            <ac:spMk id="32" creationId="{FBF8CED8-B3EF-3D79-8D38-6B4489F8CB71}"/>
          </ac:spMkLst>
        </pc:spChg>
        <pc:spChg chg="add mod">
          <ac:chgData name="Ogot, Mark Lester" userId="0b3da0ae-959c-459a-985f-9d43681ba7f4" providerId="ADAL" clId="{740736AA-2D8A-477F-8F00-B7CA75F7113B}" dt="2023-02-22T09:59:07.225" v="5889" actId="5736"/>
          <ac:spMkLst>
            <pc:docMk/>
            <pc:sldMk cId="1796909559" sldId="1392"/>
            <ac:spMk id="33" creationId="{AE7E732F-2D8E-661D-75EB-3F9419888A7F}"/>
          </ac:spMkLst>
        </pc:spChg>
        <pc:spChg chg="add mod">
          <ac:chgData name="Ogot, Mark Lester" userId="0b3da0ae-959c-459a-985f-9d43681ba7f4" providerId="ADAL" clId="{740736AA-2D8A-477F-8F00-B7CA75F7113B}" dt="2023-02-22T09:59:07.225" v="5889" actId="5736"/>
          <ac:spMkLst>
            <pc:docMk/>
            <pc:sldMk cId="1796909559" sldId="1392"/>
            <ac:spMk id="34" creationId="{2A25B731-9B1A-5420-153C-E28E2A8C8175}"/>
          </ac:spMkLst>
        </pc:spChg>
        <pc:spChg chg="add mod">
          <ac:chgData name="Ogot, Mark Lester" userId="0b3da0ae-959c-459a-985f-9d43681ba7f4" providerId="ADAL" clId="{740736AA-2D8A-477F-8F00-B7CA75F7113B}" dt="2023-02-22T09:59:07.225" v="5889" actId="5736"/>
          <ac:spMkLst>
            <pc:docMk/>
            <pc:sldMk cId="1796909559" sldId="1392"/>
            <ac:spMk id="35" creationId="{5B3CA976-C23C-34DF-2F9C-E3628EB0FB60}"/>
          </ac:spMkLst>
        </pc:spChg>
        <pc:spChg chg="add mod">
          <ac:chgData name="Ogot, Mark Lester" userId="0b3da0ae-959c-459a-985f-9d43681ba7f4" providerId="ADAL" clId="{740736AA-2D8A-477F-8F00-B7CA75F7113B}" dt="2023-02-22T09:59:07.225" v="5889" actId="5736"/>
          <ac:spMkLst>
            <pc:docMk/>
            <pc:sldMk cId="1796909559" sldId="1392"/>
            <ac:spMk id="36" creationId="{AAF6D06E-E166-0E91-F5E3-8A5E2950A1C6}"/>
          </ac:spMkLst>
        </pc:spChg>
        <pc:spChg chg="add mod">
          <ac:chgData name="Ogot, Mark Lester" userId="0b3da0ae-959c-459a-985f-9d43681ba7f4" providerId="ADAL" clId="{740736AA-2D8A-477F-8F00-B7CA75F7113B}" dt="2023-02-22T09:59:07.225" v="5889" actId="5736"/>
          <ac:spMkLst>
            <pc:docMk/>
            <pc:sldMk cId="1796909559" sldId="1392"/>
            <ac:spMk id="37" creationId="{10ECB4CE-37BD-EEA1-42B9-BD18B734404A}"/>
          </ac:spMkLst>
        </pc:spChg>
        <pc:spChg chg="add mod">
          <ac:chgData name="Ogot, Mark Lester" userId="0b3da0ae-959c-459a-985f-9d43681ba7f4" providerId="ADAL" clId="{740736AA-2D8A-477F-8F00-B7CA75F7113B}" dt="2023-02-22T09:59:07.225" v="5889" actId="5736"/>
          <ac:spMkLst>
            <pc:docMk/>
            <pc:sldMk cId="1796909559" sldId="1392"/>
            <ac:spMk id="38" creationId="{6BE070E6-6415-5641-800F-6EBC8018CDEF}"/>
          </ac:spMkLst>
        </pc:spChg>
        <pc:spChg chg="add mod">
          <ac:chgData name="Ogot, Mark Lester" userId="0b3da0ae-959c-459a-985f-9d43681ba7f4" providerId="ADAL" clId="{740736AA-2D8A-477F-8F00-B7CA75F7113B}" dt="2023-02-22T09:59:07.225" v="5889" actId="5736"/>
          <ac:spMkLst>
            <pc:docMk/>
            <pc:sldMk cId="1796909559" sldId="1392"/>
            <ac:spMk id="39" creationId="{CFA9F3E3-2002-1149-5798-B066687BED26}"/>
          </ac:spMkLst>
        </pc:spChg>
        <pc:spChg chg="add mod">
          <ac:chgData name="Ogot, Mark Lester" userId="0b3da0ae-959c-459a-985f-9d43681ba7f4" providerId="ADAL" clId="{740736AA-2D8A-477F-8F00-B7CA75F7113B}" dt="2023-02-22T09:59:07.225" v="5889" actId="5736"/>
          <ac:spMkLst>
            <pc:docMk/>
            <pc:sldMk cId="1796909559" sldId="1392"/>
            <ac:spMk id="40" creationId="{F5DE73A5-0DBC-D4BC-E78E-379DD7801AC3}"/>
          </ac:spMkLst>
        </pc:spChg>
        <pc:spChg chg="add mod">
          <ac:chgData name="Ogot, Mark Lester" userId="0b3da0ae-959c-459a-985f-9d43681ba7f4" providerId="ADAL" clId="{740736AA-2D8A-477F-8F00-B7CA75F7113B}" dt="2023-02-22T09:59:07.225" v="5889" actId="5736"/>
          <ac:spMkLst>
            <pc:docMk/>
            <pc:sldMk cId="1796909559" sldId="1392"/>
            <ac:spMk id="41" creationId="{B2DFAFFA-2059-6896-7412-C38FD949FA07}"/>
          </ac:spMkLst>
        </pc:spChg>
        <pc:spChg chg="add mod">
          <ac:chgData name="Ogot, Mark Lester" userId="0b3da0ae-959c-459a-985f-9d43681ba7f4" providerId="ADAL" clId="{740736AA-2D8A-477F-8F00-B7CA75F7113B}" dt="2023-02-22T09:59:07.225" v="5889" actId="5736"/>
          <ac:spMkLst>
            <pc:docMk/>
            <pc:sldMk cId="1796909559" sldId="1392"/>
            <ac:spMk id="50" creationId="{213B8738-2786-0949-B608-A2725A269F31}"/>
          </ac:spMkLst>
        </pc:spChg>
        <pc:spChg chg="add mod">
          <ac:chgData name="Ogot, Mark Lester" userId="0b3da0ae-959c-459a-985f-9d43681ba7f4" providerId="ADAL" clId="{740736AA-2D8A-477F-8F00-B7CA75F7113B}" dt="2023-02-22T09:59:07.225" v="5889" actId="5736"/>
          <ac:spMkLst>
            <pc:docMk/>
            <pc:sldMk cId="1796909559" sldId="1392"/>
            <ac:spMk id="51" creationId="{3F434660-3685-8691-10AC-B056E19F7D50}"/>
          </ac:spMkLst>
        </pc:spChg>
        <pc:spChg chg="add mod">
          <ac:chgData name="Ogot, Mark Lester" userId="0b3da0ae-959c-459a-985f-9d43681ba7f4" providerId="ADAL" clId="{740736AA-2D8A-477F-8F00-B7CA75F7113B}" dt="2023-02-22T09:59:07.225" v="5889" actId="5736"/>
          <ac:spMkLst>
            <pc:docMk/>
            <pc:sldMk cId="1796909559" sldId="1392"/>
            <ac:spMk id="54" creationId="{5747B31E-8828-BEAA-68D0-E87AC0AF2A86}"/>
          </ac:spMkLst>
        </pc:spChg>
        <pc:spChg chg="add mod">
          <ac:chgData name="Ogot, Mark Lester" userId="0b3da0ae-959c-459a-985f-9d43681ba7f4" providerId="ADAL" clId="{740736AA-2D8A-477F-8F00-B7CA75F7113B}" dt="2023-02-22T09:59:07.225" v="5889" actId="5736"/>
          <ac:spMkLst>
            <pc:docMk/>
            <pc:sldMk cId="1796909559" sldId="1392"/>
            <ac:spMk id="56" creationId="{BDC9E0DA-DB42-F903-B81E-ED76F0C77363}"/>
          </ac:spMkLst>
        </pc:spChg>
        <pc:spChg chg="add mod">
          <ac:chgData name="Ogot, Mark Lester" userId="0b3da0ae-959c-459a-985f-9d43681ba7f4" providerId="ADAL" clId="{740736AA-2D8A-477F-8F00-B7CA75F7113B}" dt="2023-02-22T09:59:07.225" v="5889" actId="5736"/>
          <ac:spMkLst>
            <pc:docMk/>
            <pc:sldMk cId="1796909559" sldId="1392"/>
            <ac:spMk id="61" creationId="{8B5CD7FF-A3C7-58FE-C5A8-BA3A3052B580}"/>
          </ac:spMkLst>
        </pc:spChg>
        <pc:spChg chg="add mod">
          <ac:chgData name="Ogot, Mark Lester" userId="0b3da0ae-959c-459a-985f-9d43681ba7f4" providerId="ADAL" clId="{740736AA-2D8A-477F-8F00-B7CA75F7113B}" dt="2023-02-22T09:59:07.225" v="5889" actId="5736"/>
          <ac:spMkLst>
            <pc:docMk/>
            <pc:sldMk cId="1796909559" sldId="1392"/>
            <ac:spMk id="63" creationId="{3CE8814D-C671-096A-7C27-3945CBA1ABA6}"/>
          </ac:spMkLst>
        </pc:spChg>
        <pc:spChg chg="add mod">
          <ac:chgData name="Ogot, Mark Lester" userId="0b3da0ae-959c-459a-985f-9d43681ba7f4" providerId="ADAL" clId="{740736AA-2D8A-477F-8F00-B7CA75F7113B}" dt="2023-02-22T09:59:07.225" v="5889" actId="5736"/>
          <ac:spMkLst>
            <pc:docMk/>
            <pc:sldMk cId="1796909559" sldId="1392"/>
            <ac:spMk id="68" creationId="{40EAA38A-9EBB-AEFE-6BF7-5ACAB4F088F8}"/>
          </ac:spMkLst>
        </pc:spChg>
        <pc:spChg chg="add mod">
          <ac:chgData name="Ogot, Mark Lester" userId="0b3da0ae-959c-459a-985f-9d43681ba7f4" providerId="ADAL" clId="{740736AA-2D8A-477F-8F00-B7CA75F7113B}" dt="2023-02-22T09:59:07.225" v="5889" actId="5736"/>
          <ac:spMkLst>
            <pc:docMk/>
            <pc:sldMk cId="1796909559" sldId="1392"/>
            <ac:spMk id="70" creationId="{5DC31439-1961-4A3B-63AD-B33240CDBBE5}"/>
          </ac:spMkLst>
        </pc:spChg>
        <pc:spChg chg="add mod">
          <ac:chgData name="Ogot, Mark Lester" userId="0b3da0ae-959c-459a-985f-9d43681ba7f4" providerId="ADAL" clId="{740736AA-2D8A-477F-8F00-B7CA75F7113B}" dt="2023-02-22T09:59:07.225" v="5889" actId="5736"/>
          <ac:spMkLst>
            <pc:docMk/>
            <pc:sldMk cId="1796909559" sldId="1392"/>
            <ac:spMk id="74" creationId="{5F4CDDAD-EECD-FCA0-6BEE-47F508D70355}"/>
          </ac:spMkLst>
        </pc:spChg>
        <pc:spChg chg="add mod">
          <ac:chgData name="Ogot, Mark Lester" userId="0b3da0ae-959c-459a-985f-9d43681ba7f4" providerId="ADAL" clId="{740736AA-2D8A-477F-8F00-B7CA75F7113B}" dt="2023-02-22T09:59:07.225" v="5889" actId="5736"/>
          <ac:spMkLst>
            <pc:docMk/>
            <pc:sldMk cId="1796909559" sldId="1392"/>
            <ac:spMk id="76" creationId="{E52E3571-567D-61BA-0A9C-C75368896CDF}"/>
          </ac:spMkLst>
        </pc:spChg>
        <pc:spChg chg="add mod">
          <ac:chgData name="Ogot, Mark Lester" userId="0b3da0ae-959c-459a-985f-9d43681ba7f4" providerId="ADAL" clId="{740736AA-2D8A-477F-8F00-B7CA75F7113B}" dt="2023-02-22T09:59:07.225" v="5889" actId="5736"/>
          <ac:spMkLst>
            <pc:docMk/>
            <pc:sldMk cId="1796909559" sldId="1392"/>
            <ac:spMk id="87" creationId="{4AB560EB-746D-CCFA-A83D-3293FF6A555F}"/>
          </ac:spMkLst>
        </pc:spChg>
        <pc:spChg chg="add mod">
          <ac:chgData name="Ogot, Mark Lester" userId="0b3da0ae-959c-459a-985f-9d43681ba7f4" providerId="ADAL" clId="{740736AA-2D8A-477F-8F00-B7CA75F7113B}" dt="2023-02-22T09:59:07.225" v="5889" actId="5736"/>
          <ac:spMkLst>
            <pc:docMk/>
            <pc:sldMk cId="1796909559" sldId="1392"/>
            <ac:spMk id="88" creationId="{F288E3EB-89EA-1C91-9B33-9328442DBC5D}"/>
          </ac:spMkLst>
        </pc:spChg>
        <pc:spChg chg="add mod">
          <ac:chgData name="Ogot, Mark Lester" userId="0b3da0ae-959c-459a-985f-9d43681ba7f4" providerId="ADAL" clId="{740736AA-2D8A-477F-8F00-B7CA75F7113B}" dt="2023-02-22T09:59:07.225" v="5889" actId="5736"/>
          <ac:spMkLst>
            <pc:docMk/>
            <pc:sldMk cId="1796909559" sldId="1392"/>
            <ac:spMk id="89" creationId="{744CD101-1D9E-6C8B-70E3-C7B13D31ABE1}"/>
          </ac:spMkLst>
        </pc:spChg>
        <pc:spChg chg="add mod">
          <ac:chgData name="Ogot, Mark Lester" userId="0b3da0ae-959c-459a-985f-9d43681ba7f4" providerId="ADAL" clId="{740736AA-2D8A-477F-8F00-B7CA75F7113B}" dt="2023-02-22T09:59:07.225" v="5889" actId="5736"/>
          <ac:spMkLst>
            <pc:docMk/>
            <pc:sldMk cId="1796909559" sldId="1392"/>
            <ac:spMk id="90" creationId="{699F8650-21D9-9D13-A552-D3E9671C147E}"/>
          </ac:spMkLst>
        </pc:spChg>
        <pc:spChg chg="add mod">
          <ac:chgData name="Ogot, Mark Lester" userId="0b3da0ae-959c-459a-985f-9d43681ba7f4" providerId="ADAL" clId="{740736AA-2D8A-477F-8F00-B7CA75F7113B}" dt="2023-02-22T09:59:07.225" v="5889" actId="5736"/>
          <ac:spMkLst>
            <pc:docMk/>
            <pc:sldMk cId="1796909559" sldId="1392"/>
            <ac:spMk id="91" creationId="{67C28B73-70BE-4BC4-FB07-A071AB892E9C}"/>
          </ac:spMkLst>
        </pc:spChg>
        <pc:spChg chg="add mod">
          <ac:chgData name="Ogot, Mark Lester" userId="0b3da0ae-959c-459a-985f-9d43681ba7f4" providerId="ADAL" clId="{740736AA-2D8A-477F-8F00-B7CA75F7113B}" dt="2023-02-22T09:59:07.225" v="5889" actId="5736"/>
          <ac:spMkLst>
            <pc:docMk/>
            <pc:sldMk cId="1796909559" sldId="1392"/>
            <ac:spMk id="92" creationId="{A0464808-91B6-5C07-8638-47107DC2B7A8}"/>
          </ac:spMkLst>
        </pc:spChg>
        <pc:spChg chg="add mod">
          <ac:chgData name="Ogot, Mark Lester" userId="0b3da0ae-959c-459a-985f-9d43681ba7f4" providerId="ADAL" clId="{740736AA-2D8A-477F-8F00-B7CA75F7113B}" dt="2023-02-22T09:59:07.225" v="5889" actId="5736"/>
          <ac:spMkLst>
            <pc:docMk/>
            <pc:sldMk cId="1796909559" sldId="1392"/>
            <ac:spMk id="93" creationId="{AD55E0EF-91D2-6564-ADBE-CC8CC15420AF}"/>
          </ac:spMkLst>
        </pc:spChg>
        <pc:spChg chg="add mod">
          <ac:chgData name="Ogot, Mark Lester" userId="0b3da0ae-959c-459a-985f-9d43681ba7f4" providerId="ADAL" clId="{740736AA-2D8A-477F-8F00-B7CA75F7113B}" dt="2023-02-22T09:59:07.225" v="5889" actId="5736"/>
          <ac:spMkLst>
            <pc:docMk/>
            <pc:sldMk cId="1796909559" sldId="1392"/>
            <ac:spMk id="94" creationId="{3A8626E9-89E8-96F9-D5ED-BC1669F33B01}"/>
          </ac:spMkLst>
        </pc:spChg>
        <pc:graphicFrameChg chg="add mod">
          <ac:chgData name="Ogot, Mark Lester" userId="0b3da0ae-959c-459a-985f-9d43681ba7f4" providerId="ADAL" clId="{740736AA-2D8A-477F-8F00-B7CA75F7113B}" dt="2023-02-22T09:59:07.225" v="5889" actId="5736"/>
          <ac:graphicFrameMkLst>
            <pc:docMk/>
            <pc:sldMk cId="1796909559" sldId="1392"/>
            <ac:graphicFrameMk id="8" creationId="{C3B85ABE-2D7E-BFCE-3C67-AD4D33175B4C}"/>
          </ac:graphicFrameMkLst>
        </pc:graphicFrameChg>
        <pc:cxnChg chg="mod">
          <ac:chgData name="Ogot, Mark Lester" userId="0b3da0ae-959c-459a-985f-9d43681ba7f4" providerId="ADAL" clId="{740736AA-2D8A-477F-8F00-B7CA75F7113B}" dt="2023-02-22T09:59:07.225" v="5889" actId="5736"/>
          <ac:cxnSpMkLst>
            <pc:docMk/>
            <pc:sldMk cId="1796909559" sldId="1392"/>
            <ac:cxnSpMk id="17" creationId="{3C0A6619-340F-7CB3-DDA4-16B9BADE4D48}"/>
          </ac:cxnSpMkLst>
        </pc:cxnChg>
        <pc:cxnChg chg="mod">
          <ac:chgData name="Ogot, Mark Lester" userId="0b3da0ae-959c-459a-985f-9d43681ba7f4" providerId="ADAL" clId="{740736AA-2D8A-477F-8F00-B7CA75F7113B}" dt="2023-02-22T05:31:53.060" v="4596" actId="1038"/>
          <ac:cxnSpMkLst>
            <pc:docMk/>
            <pc:sldMk cId="1796909559" sldId="1392"/>
            <ac:cxnSpMk id="21" creationId="{BC16FFB4-5FE7-BB3F-82DB-3D3C4AC315EA}"/>
          </ac:cxnSpMkLst>
        </pc:cxnChg>
        <pc:cxnChg chg="add mod">
          <ac:chgData name="Ogot, Mark Lester" userId="0b3da0ae-959c-459a-985f-9d43681ba7f4" providerId="ADAL" clId="{740736AA-2D8A-477F-8F00-B7CA75F7113B}" dt="2023-02-22T09:59:07.225" v="5889" actId="5736"/>
          <ac:cxnSpMkLst>
            <pc:docMk/>
            <pc:sldMk cId="1796909559" sldId="1392"/>
            <ac:cxnSpMk id="42" creationId="{0FABB8F3-49A5-7303-46AA-49CD1D180C8D}"/>
          </ac:cxnSpMkLst>
        </pc:cxnChg>
        <pc:cxnChg chg="add mod">
          <ac:chgData name="Ogot, Mark Lester" userId="0b3da0ae-959c-459a-985f-9d43681ba7f4" providerId="ADAL" clId="{740736AA-2D8A-477F-8F00-B7CA75F7113B}" dt="2023-02-22T09:59:07.225" v="5889" actId="5736"/>
          <ac:cxnSpMkLst>
            <pc:docMk/>
            <pc:sldMk cId="1796909559" sldId="1392"/>
            <ac:cxnSpMk id="43" creationId="{3FA20231-F1FD-14A7-983F-1CE86B711305}"/>
          </ac:cxnSpMkLst>
        </pc:cxnChg>
        <pc:cxnChg chg="add mod">
          <ac:chgData name="Ogot, Mark Lester" userId="0b3da0ae-959c-459a-985f-9d43681ba7f4" providerId="ADAL" clId="{740736AA-2D8A-477F-8F00-B7CA75F7113B}" dt="2023-02-22T09:59:07.225" v="5889" actId="5736"/>
          <ac:cxnSpMkLst>
            <pc:docMk/>
            <pc:sldMk cId="1796909559" sldId="1392"/>
            <ac:cxnSpMk id="44" creationId="{1E71548E-36DD-EC89-EA56-AB01602E9AF2}"/>
          </ac:cxnSpMkLst>
        </pc:cxnChg>
        <pc:cxnChg chg="add mod">
          <ac:chgData name="Ogot, Mark Lester" userId="0b3da0ae-959c-459a-985f-9d43681ba7f4" providerId="ADAL" clId="{740736AA-2D8A-477F-8F00-B7CA75F7113B}" dt="2023-02-22T09:59:07.225" v="5889" actId="5736"/>
          <ac:cxnSpMkLst>
            <pc:docMk/>
            <pc:sldMk cId="1796909559" sldId="1392"/>
            <ac:cxnSpMk id="45" creationId="{B5EF58C9-691F-52E8-90F1-DCB6CB927613}"/>
          </ac:cxnSpMkLst>
        </pc:cxnChg>
        <pc:cxnChg chg="add mod">
          <ac:chgData name="Ogot, Mark Lester" userId="0b3da0ae-959c-459a-985f-9d43681ba7f4" providerId="ADAL" clId="{740736AA-2D8A-477F-8F00-B7CA75F7113B}" dt="2023-02-22T09:59:07.225" v="5889" actId="5736"/>
          <ac:cxnSpMkLst>
            <pc:docMk/>
            <pc:sldMk cId="1796909559" sldId="1392"/>
            <ac:cxnSpMk id="46" creationId="{CB276419-23AA-1CEA-240A-090E09E147A5}"/>
          </ac:cxnSpMkLst>
        </pc:cxnChg>
        <pc:cxnChg chg="add mod">
          <ac:chgData name="Ogot, Mark Lester" userId="0b3da0ae-959c-459a-985f-9d43681ba7f4" providerId="ADAL" clId="{740736AA-2D8A-477F-8F00-B7CA75F7113B}" dt="2023-02-22T09:59:07.225" v="5889" actId="5736"/>
          <ac:cxnSpMkLst>
            <pc:docMk/>
            <pc:sldMk cId="1796909559" sldId="1392"/>
            <ac:cxnSpMk id="47" creationId="{5C38537C-7CAE-91DA-13C6-76495CA2C711}"/>
          </ac:cxnSpMkLst>
        </pc:cxnChg>
        <pc:cxnChg chg="add mod">
          <ac:chgData name="Ogot, Mark Lester" userId="0b3da0ae-959c-459a-985f-9d43681ba7f4" providerId="ADAL" clId="{740736AA-2D8A-477F-8F00-B7CA75F7113B}" dt="2023-02-22T09:59:07.225" v="5889" actId="5736"/>
          <ac:cxnSpMkLst>
            <pc:docMk/>
            <pc:sldMk cId="1796909559" sldId="1392"/>
            <ac:cxnSpMk id="48" creationId="{4DD7F096-F1F3-03EE-701E-D1F8C2820CC0}"/>
          </ac:cxnSpMkLst>
        </pc:cxnChg>
        <pc:cxnChg chg="add mod">
          <ac:chgData name="Ogot, Mark Lester" userId="0b3da0ae-959c-459a-985f-9d43681ba7f4" providerId="ADAL" clId="{740736AA-2D8A-477F-8F00-B7CA75F7113B}" dt="2023-02-22T09:59:07.225" v="5889" actId="5736"/>
          <ac:cxnSpMkLst>
            <pc:docMk/>
            <pc:sldMk cId="1796909559" sldId="1392"/>
            <ac:cxnSpMk id="49" creationId="{D828BB43-DB3E-D532-5850-9D47117CED45}"/>
          </ac:cxnSpMkLst>
        </pc:cxnChg>
        <pc:cxnChg chg="add mod">
          <ac:chgData name="Ogot, Mark Lester" userId="0b3da0ae-959c-459a-985f-9d43681ba7f4" providerId="ADAL" clId="{740736AA-2D8A-477F-8F00-B7CA75F7113B}" dt="2023-02-22T09:59:07.225" v="5889" actId="5736"/>
          <ac:cxnSpMkLst>
            <pc:docMk/>
            <pc:sldMk cId="1796909559" sldId="1392"/>
            <ac:cxnSpMk id="52" creationId="{D9A4B5B9-BE76-714C-84C5-E81EED110F53}"/>
          </ac:cxnSpMkLst>
        </pc:cxnChg>
        <pc:cxnChg chg="add mod">
          <ac:chgData name="Ogot, Mark Lester" userId="0b3da0ae-959c-459a-985f-9d43681ba7f4" providerId="ADAL" clId="{740736AA-2D8A-477F-8F00-B7CA75F7113B}" dt="2023-02-22T09:59:07.225" v="5889" actId="5736"/>
          <ac:cxnSpMkLst>
            <pc:docMk/>
            <pc:sldMk cId="1796909559" sldId="1392"/>
            <ac:cxnSpMk id="53" creationId="{8E848CFB-37FC-A0BC-7F4A-891A8D479F4D}"/>
          </ac:cxnSpMkLst>
        </pc:cxnChg>
        <pc:cxnChg chg="add mod">
          <ac:chgData name="Ogot, Mark Lester" userId="0b3da0ae-959c-459a-985f-9d43681ba7f4" providerId="ADAL" clId="{740736AA-2D8A-477F-8F00-B7CA75F7113B}" dt="2023-02-22T09:59:07.225" v="5889" actId="5736"/>
          <ac:cxnSpMkLst>
            <pc:docMk/>
            <pc:sldMk cId="1796909559" sldId="1392"/>
            <ac:cxnSpMk id="55" creationId="{A8015121-6EAE-6F1F-5AE6-910BE8C8DF8F}"/>
          </ac:cxnSpMkLst>
        </pc:cxnChg>
        <pc:cxnChg chg="add mod">
          <ac:chgData name="Ogot, Mark Lester" userId="0b3da0ae-959c-459a-985f-9d43681ba7f4" providerId="ADAL" clId="{740736AA-2D8A-477F-8F00-B7CA75F7113B}" dt="2023-02-22T09:59:07.225" v="5889" actId="5736"/>
          <ac:cxnSpMkLst>
            <pc:docMk/>
            <pc:sldMk cId="1796909559" sldId="1392"/>
            <ac:cxnSpMk id="57" creationId="{22E293CA-7A1F-D2AB-915B-4D4DEE4D2E96}"/>
          </ac:cxnSpMkLst>
        </pc:cxnChg>
        <pc:cxnChg chg="add mod">
          <ac:chgData name="Ogot, Mark Lester" userId="0b3da0ae-959c-459a-985f-9d43681ba7f4" providerId="ADAL" clId="{740736AA-2D8A-477F-8F00-B7CA75F7113B}" dt="2023-02-22T09:59:07.225" v="5889" actId="5736"/>
          <ac:cxnSpMkLst>
            <pc:docMk/>
            <pc:sldMk cId="1796909559" sldId="1392"/>
            <ac:cxnSpMk id="58" creationId="{AA635EC3-6BCE-4787-633E-DC015D115EDF}"/>
          </ac:cxnSpMkLst>
        </pc:cxnChg>
        <pc:cxnChg chg="add mod">
          <ac:chgData name="Ogot, Mark Lester" userId="0b3da0ae-959c-459a-985f-9d43681ba7f4" providerId="ADAL" clId="{740736AA-2D8A-477F-8F00-B7CA75F7113B}" dt="2023-02-22T09:59:07.225" v="5889" actId="5736"/>
          <ac:cxnSpMkLst>
            <pc:docMk/>
            <pc:sldMk cId="1796909559" sldId="1392"/>
            <ac:cxnSpMk id="59" creationId="{661BB3BD-3760-1836-65D5-D914F0790CE1}"/>
          </ac:cxnSpMkLst>
        </pc:cxnChg>
        <pc:cxnChg chg="add mod">
          <ac:chgData name="Ogot, Mark Lester" userId="0b3da0ae-959c-459a-985f-9d43681ba7f4" providerId="ADAL" clId="{740736AA-2D8A-477F-8F00-B7CA75F7113B}" dt="2023-02-22T09:59:07.225" v="5889" actId="5736"/>
          <ac:cxnSpMkLst>
            <pc:docMk/>
            <pc:sldMk cId="1796909559" sldId="1392"/>
            <ac:cxnSpMk id="60" creationId="{9EE55A23-EFD4-599C-3145-4E4994242B2C}"/>
          </ac:cxnSpMkLst>
        </pc:cxnChg>
        <pc:cxnChg chg="add mod">
          <ac:chgData name="Ogot, Mark Lester" userId="0b3da0ae-959c-459a-985f-9d43681ba7f4" providerId="ADAL" clId="{740736AA-2D8A-477F-8F00-B7CA75F7113B}" dt="2023-02-22T09:59:07.225" v="5889" actId="5736"/>
          <ac:cxnSpMkLst>
            <pc:docMk/>
            <pc:sldMk cId="1796909559" sldId="1392"/>
            <ac:cxnSpMk id="62" creationId="{4F6E8F94-0AA4-A8EF-5A52-3D8968315E5F}"/>
          </ac:cxnSpMkLst>
        </pc:cxnChg>
        <pc:cxnChg chg="add mod">
          <ac:chgData name="Ogot, Mark Lester" userId="0b3da0ae-959c-459a-985f-9d43681ba7f4" providerId="ADAL" clId="{740736AA-2D8A-477F-8F00-B7CA75F7113B}" dt="2023-02-22T09:59:07.225" v="5889" actId="5736"/>
          <ac:cxnSpMkLst>
            <pc:docMk/>
            <pc:sldMk cId="1796909559" sldId="1392"/>
            <ac:cxnSpMk id="64" creationId="{CA2D73E7-2362-0AA5-A52A-504560783E9F}"/>
          </ac:cxnSpMkLst>
        </pc:cxnChg>
        <pc:cxnChg chg="add mod">
          <ac:chgData name="Ogot, Mark Lester" userId="0b3da0ae-959c-459a-985f-9d43681ba7f4" providerId="ADAL" clId="{740736AA-2D8A-477F-8F00-B7CA75F7113B}" dt="2023-02-22T09:59:07.225" v="5889" actId="5736"/>
          <ac:cxnSpMkLst>
            <pc:docMk/>
            <pc:sldMk cId="1796909559" sldId="1392"/>
            <ac:cxnSpMk id="65" creationId="{24F8D7BA-DD96-464C-6524-8FC998050564}"/>
          </ac:cxnSpMkLst>
        </pc:cxnChg>
        <pc:cxnChg chg="add mod">
          <ac:chgData name="Ogot, Mark Lester" userId="0b3da0ae-959c-459a-985f-9d43681ba7f4" providerId="ADAL" clId="{740736AA-2D8A-477F-8F00-B7CA75F7113B}" dt="2023-02-22T09:59:07.225" v="5889" actId="5736"/>
          <ac:cxnSpMkLst>
            <pc:docMk/>
            <pc:sldMk cId="1796909559" sldId="1392"/>
            <ac:cxnSpMk id="66" creationId="{15EF0C8B-419B-B6E2-0E92-20718C56C715}"/>
          </ac:cxnSpMkLst>
        </pc:cxnChg>
        <pc:cxnChg chg="add mod">
          <ac:chgData name="Ogot, Mark Lester" userId="0b3da0ae-959c-459a-985f-9d43681ba7f4" providerId="ADAL" clId="{740736AA-2D8A-477F-8F00-B7CA75F7113B}" dt="2023-02-22T09:59:07.225" v="5889" actId="5736"/>
          <ac:cxnSpMkLst>
            <pc:docMk/>
            <pc:sldMk cId="1796909559" sldId="1392"/>
            <ac:cxnSpMk id="67" creationId="{4232EA08-EE24-7DF0-59C2-2C8661385300}"/>
          </ac:cxnSpMkLst>
        </pc:cxnChg>
        <pc:cxnChg chg="add mod">
          <ac:chgData name="Ogot, Mark Lester" userId="0b3da0ae-959c-459a-985f-9d43681ba7f4" providerId="ADAL" clId="{740736AA-2D8A-477F-8F00-B7CA75F7113B}" dt="2023-02-22T09:59:07.225" v="5889" actId="5736"/>
          <ac:cxnSpMkLst>
            <pc:docMk/>
            <pc:sldMk cId="1796909559" sldId="1392"/>
            <ac:cxnSpMk id="69" creationId="{41CD3AAA-A118-D56B-AD3F-5EBB09CC69BF}"/>
          </ac:cxnSpMkLst>
        </pc:cxnChg>
        <pc:cxnChg chg="add mod">
          <ac:chgData name="Ogot, Mark Lester" userId="0b3da0ae-959c-459a-985f-9d43681ba7f4" providerId="ADAL" clId="{740736AA-2D8A-477F-8F00-B7CA75F7113B}" dt="2023-02-22T09:59:07.225" v="5889" actId="5736"/>
          <ac:cxnSpMkLst>
            <pc:docMk/>
            <pc:sldMk cId="1796909559" sldId="1392"/>
            <ac:cxnSpMk id="71" creationId="{37CABB46-BA48-E414-70D4-26E461186916}"/>
          </ac:cxnSpMkLst>
        </pc:cxnChg>
        <pc:cxnChg chg="add mod">
          <ac:chgData name="Ogot, Mark Lester" userId="0b3da0ae-959c-459a-985f-9d43681ba7f4" providerId="ADAL" clId="{740736AA-2D8A-477F-8F00-B7CA75F7113B}" dt="2023-02-22T09:59:07.225" v="5889" actId="5736"/>
          <ac:cxnSpMkLst>
            <pc:docMk/>
            <pc:sldMk cId="1796909559" sldId="1392"/>
            <ac:cxnSpMk id="72" creationId="{0A71AFAB-0B98-828E-CED0-C4DEFC99125C}"/>
          </ac:cxnSpMkLst>
        </pc:cxnChg>
        <pc:cxnChg chg="add mod">
          <ac:chgData name="Ogot, Mark Lester" userId="0b3da0ae-959c-459a-985f-9d43681ba7f4" providerId="ADAL" clId="{740736AA-2D8A-477F-8F00-B7CA75F7113B}" dt="2023-02-22T09:59:07.225" v="5889" actId="5736"/>
          <ac:cxnSpMkLst>
            <pc:docMk/>
            <pc:sldMk cId="1796909559" sldId="1392"/>
            <ac:cxnSpMk id="73" creationId="{BCA6013F-554C-AE75-D1DA-17364C20BE2B}"/>
          </ac:cxnSpMkLst>
        </pc:cxnChg>
        <pc:cxnChg chg="add mod">
          <ac:chgData name="Ogot, Mark Lester" userId="0b3da0ae-959c-459a-985f-9d43681ba7f4" providerId="ADAL" clId="{740736AA-2D8A-477F-8F00-B7CA75F7113B}" dt="2023-02-22T09:59:07.225" v="5889" actId="5736"/>
          <ac:cxnSpMkLst>
            <pc:docMk/>
            <pc:sldMk cId="1796909559" sldId="1392"/>
            <ac:cxnSpMk id="75" creationId="{5AE7B993-4A1B-546F-C001-CFEFB7AF42F1}"/>
          </ac:cxnSpMkLst>
        </pc:cxnChg>
        <pc:cxnChg chg="add mod">
          <ac:chgData name="Ogot, Mark Lester" userId="0b3da0ae-959c-459a-985f-9d43681ba7f4" providerId="ADAL" clId="{740736AA-2D8A-477F-8F00-B7CA75F7113B}" dt="2023-02-22T09:59:07.225" v="5889" actId="5736"/>
          <ac:cxnSpMkLst>
            <pc:docMk/>
            <pc:sldMk cId="1796909559" sldId="1392"/>
            <ac:cxnSpMk id="77" creationId="{1729EB19-0C4E-722F-687A-440C4D13DB65}"/>
          </ac:cxnSpMkLst>
        </pc:cxnChg>
        <pc:cxnChg chg="add mod">
          <ac:chgData name="Ogot, Mark Lester" userId="0b3da0ae-959c-459a-985f-9d43681ba7f4" providerId="ADAL" clId="{740736AA-2D8A-477F-8F00-B7CA75F7113B}" dt="2023-02-22T09:59:07.225" v="5889" actId="5736"/>
          <ac:cxnSpMkLst>
            <pc:docMk/>
            <pc:sldMk cId="1796909559" sldId="1392"/>
            <ac:cxnSpMk id="78" creationId="{945ECB68-1D50-BF22-E07C-0F4253F826D4}"/>
          </ac:cxnSpMkLst>
        </pc:cxnChg>
        <pc:cxnChg chg="add mod">
          <ac:chgData name="Ogot, Mark Lester" userId="0b3da0ae-959c-459a-985f-9d43681ba7f4" providerId="ADAL" clId="{740736AA-2D8A-477F-8F00-B7CA75F7113B}" dt="2023-02-22T09:59:07.225" v="5889" actId="5736"/>
          <ac:cxnSpMkLst>
            <pc:docMk/>
            <pc:sldMk cId="1796909559" sldId="1392"/>
            <ac:cxnSpMk id="79" creationId="{6B5DA14D-2F45-CCF8-E5A3-C3D72F3C38DC}"/>
          </ac:cxnSpMkLst>
        </pc:cxnChg>
        <pc:cxnChg chg="add mod">
          <ac:chgData name="Ogot, Mark Lester" userId="0b3da0ae-959c-459a-985f-9d43681ba7f4" providerId="ADAL" clId="{740736AA-2D8A-477F-8F00-B7CA75F7113B}" dt="2023-02-22T09:59:07.225" v="5889" actId="5736"/>
          <ac:cxnSpMkLst>
            <pc:docMk/>
            <pc:sldMk cId="1796909559" sldId="1392"/>
            <ac:cxnSpMk id="80" creationId="{AD924FBE-9B7C-2554-F3AD-403FA4D8CEAC}"/>
          </ac:cxnSpMkLst>
        </pc:cxnChg>
        <pc:cxnChg chg="add mod">
          <ac:chgData name="Ogot, Mark Lester" userId="0b3da0ae-959c-459a-985f-9d43681ba7f4" providerId="ADAL" clId="{740736AA-2D8A-477F-8F00-B7CA75F7113B}" dt="2023-02-22T09:59:07.225" v="5889" actId="5736"/>
          <ac:cxnSpMkLst>
            <pc:docMk/>
            <pc:sldMk cId="1796909559" sldId="1392"/>
            <ac:cxnSpMk id="81" creationId="{53C4A97E-F1D4-3DE8-70A4-12995044D283}"/>
          </ac:cxnSpMkLst>
        </pc:cxnChg>
        <pc:cxnChg chg="add mod">
          <ac:chgData name="Ogot, Mark Lester" userId="0b3da0ae-959c-459a-985f-9d43681ba7f4" providerId="ADAL" clId="{740736AA-2D8A-477F-8F00-B7CA75F7113B}" dt="2023-02-22T09:59:07.225" v="5889" actId="5736"/>
          <ac:cxnSpMkLst>
            <pc:docMk/>
            <pc:sldMk cId="1796909559" sldId="1392"/>
            <ac:cxnSpMk id="82" creationId="{680E8A19-FC10-9D5F-8AFE-E0BDD43536E2}"/>
          </ac:cxnSpMkLst>
        </pc:cxnChg>
        <pc:cxnChg chg="add mod">
          <ac:chgData name="Ogot, Mark Lester" userId="0b3da0ae-959c-459a-985f-9d43681ba7f4" providerId="ADAL" clId="{740736AA-2D8A-477F-8F00-B7CA75F7113B}" dt="2023-02-22T09:59:07.225" v="5889" actId="5736"/>
          <ac:cxnSpMkLst>
            <pc:docMk/>
            <pc:sldMk cId="1796909559" sldId="1392"/>
            <ac:cxnSpMk id="83" creationId="{F5665D7D-C194-D0B3-F583-E4EF25780BE0}"/>
          </ac:cxnSpMkLst>
        </pc:cxnChg>
        <pc:cxnChg chg="add mod">
          <ac:chgData name="Ogot, Mark Lester" userId="0b3da0ae-959c-459a-985f-9d43681ba7f4" providerId="ADAL" clId="{740736AA-2D8A-477F-8F00-B7CA75F7113B}" dt="2023-02-22T09:59:07.225" v="5889" actId="5736"/>
          <ac:cxnSpMkLst>
            <pc:docMk/>
            <pc:sldMk cId="1796909559" sldId="1392"/>
            <ac:cxnSpMk id="84" creationId="{AA83F572-9B3A-2340-F05F-674BD369D927}"/>
          </ac:cxnSpMkLst>
        </pc:cxnChg>
        <pc:cxnChg chg="add mod">
          <ac:chgData name="Ogot, Mark Lester" userId="0b3da0ae-959c-459a-985f-9d43681ba7f4" providerId="ADAL" clId="{740736AA-2D8A-477F-8F00-B7CA75F7113B}" dt="2023-02-22T09:59:07.225" v="5889" actId="5736"/>
          <ac:cxnSpMkLst>
            <pc:docMk/>
            <pc:sldMk cId="1796909559" sldId="1392"/>
            <ac:cxnSpMk id="85" creationId="{5789CC6C-F936-D307-082F-CE872F2E7BF8}"/>
          </ac:cxnSpMkLst>
        </pc:cxnChg>
        <pc:cxnChg chg="add mod">
          <ac:chgData name="Ogot, Mark Lester" userId="0b3da0ae-959c-459a-985f-9d43681ba7f4" providerId="ADAL" clId="{740736AA-2D8A-477F-8F00-B7CA75F7113B}" dt="2023-02-22T09:59:07.225" v="5889" actId="5736"/>
          <ac:cxnSpMkLst>
            <pc:docMk/>
            <pc:sldMk cId="1796909559" sldId="1392"/>
            <ac:cxnSpMk id="86" creationId="{2D5977CD-406F-F9DB-0A12-2C2A75FAC691}"/>
          </ac:cxnSpMkLst>
        </pc:cxnChg>
        <pc:cxnChg chg="add mod">
          <ac:chgData name="Ogot, Mark Lester" userId="0b3da0ae-959c-459a-985f-9d43681ba7f4" providerId="ADAL" clId="{740736AA-2D8A-477F-8F00-B7CA75F7113B}" dt="2023-02-22T09:59:07.225" v="5889" actId="5736"/>
          <ac:cxnSpMkLst>
            <pc:docMk/>
            <pc:sldMk cId="1796909559" sldId="1392"/>
            <ac:cxnSpMk id="95" creationId="{2BA6F728-E40E-CA87-1658-BA9FFD66CE98}"/>
          </ac:cxnSpMkLst>
        </pc:cxnChg>
        <pc:cxnChg chg="add mod">
          <ac:chgData name="Ogot, Mark Lester" userId="0b3da0ae-959c-459a-985f-9d43681ba7f4" providerId="ADAL" clId="{740736AA-2D8A-477F-8F00-B7CA75F7113B}" dt="2023-02-22T09:59:07.225" v="5889" actId="5736"/>
          <ac:cxnSpMkLst>
            <pc:docMk/>
            <pc:sldMk cId="1796909559" sldId="1392"/>
            <ac:cxnSpMk id="96" creationId="{8746D897-F6D9-3966-DA88-C26B3129C6AF}"/>
          </ac:cxnSpMkLst>
        </pc:cxnChg>
      </pc:sldChg>
      <pc:sldChg chg="addSp delSp modSp mod">
        <pc:chgData name="Ogot, Mark Lester" userId="0b3da0ae-959c-459a-985f-9d43681ba7f4" providerId="ADAL" clId="{740736AA-2D8A-477F-8F00-B7CA75F7113B}" dt="2023-02-23T02:52:16.198" v="8245" actId="14100"/>
        <pc:sldMkLst>
          <pc:docMk/>
          <pc:sldMk cId="2767853665" sldId="1393"/>
        </pc:sldMkLst>
        <pc:spChg chg="mod">
          <ac:chgData name="Ogot, Mark Lester" userId="0b3da0ae-959c-459a-985f-9d43681ba7f4" providerId="ADAL" clId="{740736AA-2D8A-477F-8F00-B7CA75F7113B}" dt="2023-02-23T02:52:01.162" v="8244" actId="14100"/>
          <ac:spMkLst>
            <pc:docMk/>
            <pc:sldMk cId="2767853665" sldId="1393"/>
            <ac:spMk id="2" creationId="{275E413C-F67E-1608-12A8-516B838C34F8}"/>
          </ac:spMkLst>
        </pc:spChg>
        <pc:spChg chg="add del mod">
          <ac:chgData name="Ogot, Mark Lester" userId="0b3da0ae-959c-459a-985f-9d43681ba7f4" providerId="ADAL" clId="{740736AA-2D8A-477F-8F00-B7CA75F7113B}" dt="2023-02-22T14:38:39.976" v="7228" actId="478"/>
          <ac:spMkLst>
            <pc:docMk/>
            <pc:sldMk cId="2767853665" sldId="1393"/>
            <ac:spMk id="13" creationId="{916D0907-D665-200B-F0A5-42B7AB3BA92B}"/>
          </ac:spMkLst>
        </pc:spChg>
        <pc:spChg chg="add del mod">
          <ac:chgData name="Ogot, Mark Lester" userId="0b3da0ae-959c-459a-985f-9d43681ba7f4" providerId="ADAL" clId="{740736AA-2D8A-477F-8F00-B7CA75F7113B}" dt="2023-02-22T14:38:38.469" v="7227" actId="478"/>
          <ac:spMkLst>
            <pc:docMk/>
            <pc:sldMk cId="2767853665" sldId="1393"/>
            <ac:spMk id="14" creationId="{47DFE4EA-002F-B4C8-A6A6-BEF87CCFA908}"/>
          </ac:spMkLst>
        </pc:spChg>
        <pc:spChg chg="add del mod">
          <ac:chgData name="Ogot, Mark Lester" userId="0b3da0ae-959c-459a-985f-9d43681ba7f4" providerId="ADAL" clId="{740736AA-2D8A-477F-8F00-B7CA75F7113B}" dt="2023-02-22T14:38:38.469" v="7227" actId="478"/>
          <ac:spMkLst>
            <pc:docMk/>
            <pc:sldMk cId="2767853665" sldId="1393"/>
            <ac:spMk id="15" creationId="{D6611CAC-7C0F-45BE-1E70-F6004F32D70A}"/>
          </ac:spMkLst>
        </pc:spChg>
        <pc:spChg chg="add del mod">
          <ac:chgData name="Ogot, Mark Lester" userId="0b3da0ae-959c-459a-985f-9d43681ba7f4" providerId="ADAL" clId="{740736AA-2D8A-477F-8F00-B7CA75F7113B}" dt="2023-02-22T14:38:38.469" v="7227" actId="478"/>
          <ac:spMkLst>
            <pc:docMk/>
            <pc:sldMk cId="2767853665" sldId="1393"/>
            <ac:spMk id="16" creationId="{FBFE138F-950C-37EF-C6FF-F58406E5AA93}"/>
          </ac:spMkLst>
        </pc:spChg>
        <pc:spChg chg="add del mod">
          <ac:chgData name="Ogot, Mark Lester" userId="0b3da0ae-959c-459a-985f-9d43681ba7f4" providerId="ADAL" clId="{740736AA-2D8A-477F-8F00-B7CA75F7113B}" dt="2023-02-22T14:38:38.469" v="7227" actId="478"/>
          <ac:spMkLst>
            <pc:docMk/>
            <pc:sldMk cId="2767853665" sldId="1393"/>
            <ac:spMk id="19" creationId="{D819703F-976A-0F3C-9183-237C454B6836}"/>
          </ac:spMkLst>
        </pc:spChg>
        <pc:spChg chg="add del mod">
          <ac:chgData name="Ogot, Mark Lester" userId="0b3da0ae-959c-459a-985f-9d43681ba7f4" providerId="ADAL" clId="{740736AA-2D8A-477F-8F00-B7CA75F7113B}" dt="2023-02-22T11:11:09.565" v="6636" actId="478"/>
          <ac:spMkLst>
            <pc:docMk/>
            <pc:sldMk cId="2767853665" sldId="1393"/>
            <ac:spMk id="20" creationId="{CA01DA23-5A52-0AF2-D86F-71DD302A7DAE}"/>
          </ac:spMkLst>
        </pc:spChg>
        <pc:spChg chg="add del mod">
          <ac:chgData name="Ogot, Mark Lester" userId="0b3da0ae-959c-459a-985f-9d43681ba7f4" providerId="ADAL" clId="{740736AA-2D8A-477F-8F00-B7CA75F7113B}" dt="2023-02-22T14:38:38.469" v="7227" actId="478"/>
          <ac:spMkLst>
            <pc:docMk/>
            <pc:sldMk cId="2767853665" sldId="1393"/>
            <ac:spMk id="22" creationId="{9F5421B8-E2C9-64F8-D507-6959055F26F2}"/>
          </ac:spMkLst>
        </pc:spChg>
        <pc:spChg chg="add del mod">
          <ac:chgData name="Ogot, Mark Lester" userId="0b3da0ae-959c-459a-985f-9d43681ba7f4" providerId="ADAL" clId="{740736AA-2D8A-477F-8F00-B7CA75F7113B}" dt="2023-02-22T14:38:38.469" v="7227" actId="478"/>
          <ac:spMkLst>
            <pc:docMk/>
            <pc:sldMk cId="2767853665" sldId="1393"/>
            <ac:spMk id="23" creationId="{945E0FCE-356E-F239-B7BC-1F4EEBCE2A52}"/>
          </ac:spMkLst>
        </pc:spChg>
        <pc:spChg chg="add del mod">
          <ac:chgData name="Ogot, Mark Lester" userId="0b3da0ae-959c-459a-985f-9d43681ba7f4" providerId="ADAL" clId="{740736AA-2D8A-477F-8F00-B7CA75F7113B}" dt="2023-02-22T14:38:38.469" v="7227" actId="478"/>
          <ac:spMkLst>
            <pc:docMk/>
            <pc:sldMk cId="2767853665" sldId="1393"/>
            <ac:spMk id="24" creationId="{CB0CC7D7-1698-D649-6508-5D8FF7890E95}"/>
          </ac:spMkLst>
        </pc:spChg>
        <pc:spChg chg="add del mod">
          <ac:chgData name="Ogot, Mark Lester" userId="0b3da0ae-959c-459a-985f-9d43681ba7f4" providerId="ADAL" clId="{740736AA-2D8A-477F-8F00-B7CA75F7113B}" dt="2023-02-22T14:38:38.469" v="7227" actId="478"/>
          <ac:spMkLst>
            <pc:docMk/>
            <pc:sldMk cId="2767853665" sldId="1393"/>
            <ac:spMk id="25" creationId="{960A42E6-2215-BA19-7A82-5AEB57BBD960}"/>
          </ac:spMkLst>
        </pc:spChg>
        <pc:spChg chg="add del mod">
          <ac:chgData name="Ogot, Mark Lester" userId="0b3da0ae-959c-459a-985f-9d43681ba7f4" providerId="ADAL" clId="{740736AA-2D8A-477F-8F00-B7CA75F7113B}" dt="2023-02-22T14:40:35.836" v="7241" actId="478"/>
          <ac:spMkLst>
            <pc:docMk/>
            <pc:sldMk cId="2767853665" sldId="1393"/>
            <ac:spMk id="36" creationId="{09D5A186-B68E-8CD1-FCB1-8C0B7616B69F}"/>
          </ac:spMkLst>
        </pc:spChg>
        <pc:spChg chg="add mod">
          <ac:chgData name="Ogot, Mark Lester" userId="0b3da0ae-959c-459a-985f-9d43681ba7f4" providerId="ADAL" clId="{740736AA-2D8A-477F-8F00-B7CA75F7113B}" dt="2023-02-22T14:44:07.949" v="7258" actId="403"/>
          <ac:spMkLst>
            <pc:docMk/>
            <pc:sldMk cId="2767853665" sldId="1393"/>
            <ac:spMk id="67" creationId="{FBF029C3-535F-15AC-B5B7-7EC45A0AD88F}"/>
          </ac:spMkLst>
        </pc:spChg>
        <pc:graphicFrameChg chg="add del mod modGraphic">
          <ac:chgData name="Ogot, Mark Lester" userId="0b3da0ae-959c-459a-985f-9d43681ba7f4" providerId="ADAL" clId="{740736AA-2D8A-477F-8F00-B7CA75F7113B}" dt="2023-02-22T11:12:14.744" v="6661" actId="478"/>
          <ac:graphicFrameMkLst>
            <pc:docMk/>
            <pc:sldMk cId="2767853665" sldId="1393"/>
            <ac:graphicFrameMk id="26" creationId="{CF62F813-2D41-E837-F98B-609A029619AB}"/>
          </ac:graphicFrameMkLst>
        </pc:graphicFrameChg>
        <pc:picChg chg="add mod">
          <ac:chgData name="Ogot, Mark Lester" userId="0b3da0ae-959c-459a-985f-9d43681ba7f4" providerId="ADAL" clId="{740736AA-2D8A-477F-8F00-B7CA75F7113B}" dt="2023-02-23T02:52:16.198" v="8245" actId="14100"/>
          <ac:picMkLst>
            <pc:docMk/>
            <pc:sldMk cId="2767853665" sldId="1393"/>
            <ac:picMk id="66" creationId="{2556FF3D-F599-CE9D-15F1-C8F3597F2C00}"/>
          </ac:picMkLst>
        </pc:picChg>
        <pc:cxnChg chg="del">
          <ac:chgData name="Ogot, Mark Lester" userId="0b3da0ae-959c-459a-985f-9d43681ba7f4" providerId="ADAL" clId="{740736AA-2D8A-477F-8F00-B7CA75F7113B}" dt="2023-02-23T00:25:31.718" v="8185" actId="478"/>
          <ac:cxnSpMkLst>
            <pc:docMk/>
            <pc:sldMk cId="2767853665" sldId="1393"/>
            <ac:cxnSpMk id="12" creationId="{E491CAEF-7453-0D16-C74A-DE0D4D9CE8C6}"/>
          </ac:cxnSpMkLst>
        </pc:cxnChg>
        <pc:cxnChg chg="del">
          <ac:chgData name="Ogot, Mark Lester" userId="0b3da0ae-959c-459a-985f-9d43681ba7f4" providerId="ADAL" clId="{740736AA-2D8A-477F-8F00-B7CA75F7113B}" dt="2023-02-23T00:25:32.517" v="8186" actId="478"/>
          <ac:cxnSpMkLst>
            <pc:docMk/>
            <pc:sldMk cId="2767853665" sldId="1393"/>
            <ac:cxnSpMk id="17" creationId="{3C0A6619-340F-7CB3-DDA4-16B9BADE4D48}"/>
          </ac:cxnSpMkLst>
        </pc:cxnChg>
        <pc:cxnChg chg="del">
          <ac:chgData name="Ogot, Mark Lester" userId="0b3da0ae-959c-459a-985f-9d43681ba7f4" providerId="ADAL" clId="{740736AA-2D8A-477F-8F00-B7CA75F7113B}" dt="2023-02-23T00:25:33.398" v="8187" actId="478"/>
          <ac:cxnSpMkLst>
            <pc:docMk/>
            <pc:sldMk cId="2767853665" sldId="1393"/>
            <ac:cxnSpMk id="18" creationId="{26B81832-76BE-DBB9-B98E-E7C6364BE2CB}"/>
          </ac:cxnSpMkLst>
        </pc:cxnChg>
        <pc:cxnChg chg="del">
          <ac:chgData name="Ogot, Mark Lester" userId="0b3da0ae-959c-459a-985f-9d43681ba7f4" providerId="ADAL" clId="{740736AA-2D8A-477F-8F00-B7CA75F7113B}" dt="2023-02-23T00:25:34.066" v="8188" actId="478"/>
          <ac:cxnSpMkLst>
            <pc:docMk/>
            <pc:sldMk cId="2767853665" sldId="1393"/>
            <ac:cxnSpMk id="21" creationId="{BC16FFB4-5FE7-BB3F-82DB-3D3C4AC315EA}"/>
          </ac:cxnSpMkLst>
        </pc:cxnChg>
        <pc:cxnChg chg="add del mod">
          <ac:chgData name="Ogot, Mark Lester" userId="0b3da0ae-959c-459a-985f-9d43681ba7f4" providerId="ADAL" clId="{740736AA-2D8A-477F-8F00-B7CA75F7113B}" dt="2023-02-22T14:38:38.469" v="7227" actId="478"/>
          <ac:cxnSpMkLst>
            <pc:docMk/>
            <pc:sldMk cId="2767853665" sldId="1393"/>
            <ac:cxnSpMk id="28" creationId="{959189DA-FC89-D655-6302-2EC7D9A7461E}"/>
          </ac:cxnSpMkLst>
        </pc:cxnChg>
        <pc:cxnChg chg="add del mod">
          <ac:chgData name="Ogot, Mark Lester" userId="0b3da0ae-959c-459a-985f-9d43681ba7f4" providerId="ADAL" clId="{740736AA-2D8A-477F-8F00-B7CA75F7113B}" dt="2023-02-22T14:38:38.469" v="7227" actId="478"/>
          <ac:cxnSpMkLst>
            <pc:docMk/>
            <pc:sldMk cId="2767853665" sldId="1393"/>
            <ac:cxnSpMk id="32" creationId="{67A49DCD-315C-BA25-C653-017658C746C5}"/>
          </ac:cxnSpMkLst>
        </pc:cxnChg>
        <pc:cxnChg chg="add del mod">
          <ac:chgData name="Ogot, Mark Lester" userId="0b3da0ae-959c-459a-985f-9d43681ba7f4" providerId="ADAL" clId="{740736AA-2D8A-477F-8F00-B7CA75F7113B}" dt="2023-02-22T13:43:48.959" v="7173" actId="478"/>
          <ac:cxnSpMkLst>
            <pc:docMk/>
            <pc:sldMk cId="2767853665" sldId="1393"/>
            <ac:cxnSpMk id="42" creationId="{404C5821-97DD-8C5E-BD78-936E6DD0CB8B}"/>
          </ac:cxnSpMkLst>
        </pc:cxnChg>
        <pc:cxnChg chg="add del mod">
          <ac:chgData name="Ogot, Mark Lester" userId="0b3da0ae-959c-459a-985f-9d43681ba7f4" providerId="ADAL" clId="{740736AA-2D8A-477F-8F00-B7CA75F7113B}" dt="2023-02-22T13:44:54.160" v="7206" actId="478"/>
          <ac:cxnSpMkLst>
            <pc:docMk/>
            <pc:sldMk cId="2767853665" sldId="1393"/>
            <ac:cxnSpMk id="46" creationId="{C524F562-F382-8EBE-5134-FA46C792EE1E}"/>
          </ac:cxnSpMkLst>
        </pc:cxnChg>
        <pc:cxnChg chg="add del mod">
          <ac:chgData name="Ogot, Mark Lester" userId="0b3da0ae-959c-459a-985f-9d43681ba7f4" providerId="ADAL" clId="{740736AA-2D8A-477F-8F00-B7CA75F7113B}" dt="2023-02-22T14:38:38.469" v="7227" actId="478"/>
          <ac:cxnSpMkLst>
            <pc:docMk/>
            <pc:sldMk cId="2767853665" sldId="1393"/>
            <ac:cxnSpMk id="50" creationId="{CB1851C1-751A-6BBD-03CC-A21AC0468AEC}"/>
          </ac:cxnSpMkLst>
        </pc:cxnChg>
        <pc:cxnChg chg="add del mod">
          <ac:chgData name="Ogot, Mark Lester" userId="0b3da0ae-959c-459a-985f-9d43681ba7f4" providerId="ADAL" clId="{740736AA-2D8A-477F-8F00-B7CA75F7113B}" dt="2023-02-22T14:38:38.469" v="7227" actId="478"/>
          <ac:cxnSpMkLst>
            <pc:docMk/>
            <pc:sldMk cId="2767853665" sldId="1393"/>
            <ac:cxnSpMk id="53" creationId="{8548439B-776B-EA95-F7DB-12CE98D71073}"/>
          </ac:cxnSpMkLst>
        </pc:cxnChg>
        <pc:cxnChg chg="add del mod">
          <ac:chgData name="Ogot, Mark Lester" userId="0b3da0ae-959c-459a-985f-9d43681ba7f4" providerId="ADAL" clId="{740736AA-2D8A-477F-8F00-B7CA75F7113B}" dt="2023-02-22T14:38:38.469" v="7227" actId="478"/>
          <ac:cxnSpMkLst>
            <pc:docMk/>
            <pc:sldMk cId="2767853665" sldId="1393"/>
            <ac:cxnSpMk id="57" creationId="{CFD4D2E5-E070-40D1-23CE-4C26666D725D}"/>
          </ac:cxnSpMkLst>
        </pc:cxnChg>
        <pc:cxnChg chg="add del mod">
          <ac:chgData name="Ogot, Mark Lester" userId="0b3da0ae-959c-459a-985f-9d43681ba7f4" providerId="ADAL" clId="{740736AA-2D8A-477F-8F00-B7CA75F7113B}" dt="2023-02-22T14:38:38.469" v="7227" actId="478"/>
          <ac:cxnSpMkLst>
            <pc:docMk/>
            <pc:sldMk cId="2767853665" sldId="1393"/>
            <ac:cxnSpMk id="60" creationId="{61AE386D-8812-04B4-76D9-7728E5D988B4}"/>
          </ac:cxnSpMkLst>
        </pc:cxnChg>
      </pc:sldChg>
      <pc:sldChg chg="addSp delSp modSp mod ord">
        <pc:chgData name="Ogot, Mark Lester" userId="0b3da0ae-959c-459a-985f-9d43681ba7f4" providerId="ADAL" clId="{740736AA-2D8A-477F-8F00-B7CA75F7113B}" dt="2023-02-23T06:23:16.904" v="8269" actId="207"/>
        <pc:sldMkLst>
          <pc:docMk/>
          <pc:sldMk cId="1861739020" sldId="1394"/>
        </pc:sldMkLst>
        <pc:spChg chg="add mod">
          <ac:chgData name="Ogot, Mark Lester" userId="0b3da0ae-959c-459a-985f-9d43681ba7f4" providerId="ADAL" clId="{740736AA-2D8A-477F-8F00-B7CA75F7113B}" dt="2023-02-22T23:18:04.920" v="7658" actId="1036"/>
          <ac:spMkLst>
            <pc:docMk/>
            <pc:sldMk cId="1861739020" sldId="1394"/>
            <ac:spMk id="2" creationId="{FB41F984-3D4A-7AA8-535A-14F78EDD3526}"/>
          </ac:spMkLst>
        </pc:spChg>
        <pc:spChg chg="add mod">
          <ac:chgData name="Ogot, Mark Lester" userId="0b3da0ae-959c-459a-985f-9d43681ba7f4" providerId="ADAL" clId="{740736AA-2D8A-477F-8F00-B7CA75F7113B}" dt="2023-02-22T23:18:04.920" v="7658" actId="1036"/>
          <ac:spMkLst>
            <pc:docMk/>
            <pc:sldMk cId="1861739020" sldId="1394"/>
            <ac:spMk id="3" creationId="{0DDBCEC2-EE94-F333-630D-2C358B15E26E}"/>
          </ac:spMkLst>
        </pc:spChg>
        <pc:spChg chg="add del mod">
          <ac:chgData name="Ogot, Mark Lester" userId="0b3da0ae-959c-459a-985f-9d43681ba7f4" providerId="ADAL" clId="{740736AA-2D8A-477F-8F00-B7CA75F7113B}" dt="2023-02-22T10:28:53.503" v="6202" actId="478"/>
          <ac:spMkLst>
            <pc:docMk/>
            <pc:sldMk cId="1861739020" sldId="1394"/>
            <ac:spMk id="3" creationId="{8F54D4F6-DD6D-EB19-FF1F-312E42E3486A}"/>
          </ac:spMkLst>
        </pc:spChg>
        <pc:spChg chg="mod">
          <ac:chgData name="Ogot, Mark Lester" userId="0b3da0ae-959c-459a-985f-9d43681ba7f4" providerId="ADAL" clId="{740736AA-2D8A-477F-8F00-B7CA75F7113B}" dt="2023-02-22T05:49:13.792" v="4840" actId="20577"/>
          <ac:spMkLst>
            <pc:docMk/>
            <pc:sldMk cId="1861739020" sldId="1394"/>
            <ac:spMk id="4" creationId="{B874381D-3683-E1CA-4051-FAF5437746BA}"/>
          </ac:spMkLst>
        </pc:spChg>
        <pc:spChg chg="mod">
          <ac:chgData name="Ogot, Mark Lester" userId="0b3da0ae-959c-459a-985f-9d43681ba7f4" providerId="ADAL" clId="{740736AA-2D8A-477F-8F00-B7CA75F7113B}" dt="2023-02-22T10:50:33.483" v="6401" actId="6549"/>
          <ac:spMkLst>
            <pc:docMk/>
            <pc:sldMk cId="1861739020" sldId="1394"/>
            <ac:spMk id="6" creationId="{8B808231-65EF-52C9-A7DF-F56B466A0D43}"/>
          </ac:spMkLst>
        </pc:spChg>
        <pc:spChg chg="add del mod">
          <ac:chgData name="Ogot, Mark Lester" userId="0b3da0ae-959c-459a-985f-9d43681ba7f4" providerId="ADAL" clId="{740736AA-2D8A-477F-8F00-B7CA75F7113B}" dt="2023-02-22T10:28:53.503" v="6202" actId="478"/>
          <ac:spMkLst>
            <pc:docMk/>
            <pc:sldMk cId="1861739020" sldId="1394"/>
            <ac:spMk id="7" creationId="{AD78CC81-5B10-9427-2137-D1FB66D24206}"/>
          </ac:spMkLst>
        </pc:spChg>
        <pc:spChg chg="mod">
          <ac:chgData name="Ogot, Mark Lester" userId="0b3da0ae-959c-459a-985f-9d43681ba7f4" providerId="ADAL" clId="{740736AA-2D8A-477F-8F00-B7CA75F7113B}" dt="2023-02-22T10:50:23.173" v="6400" actId="1076"/>
          <ac:spMkLst>
            <pc:docMk/>
            <pc:sldMk cId="1861739020" sldId="1394"/>
            <ac:spMk id="10" creationId="{913F24D6-61D7-9095-D3BD-99A74A38C32E}"/>
          </ac:spMkLst>
        </pc:spChg>
        <pc:spChg chg="mod">
          <ac:chgData name="Ogot, Mark Lester" userId="0b3da0ae-959c-459a-985f-9d43681ba7f4" providerId="ADAL" clId="{740736AA-2D8A-477F-8F00-B7CA75F7113B}" dt="2023-02-23T06:23:16.904" v="8269" actId="207"/>
          <ac:spMkLst>
            <pc:docMk/>
            <pc:sldMk cId="1861739020" sldId="1394"/>
            <ac:spMk id="11" creationId="{3DAAF1F0-5E3D-B697-1E67-853A9A7908E4}"/>
          </ac:spMkLst>
        </pc:spChg>
        <pc:spChg chg="mod">
          <ac:chgData name="Ogot, Mark Lester" userId="0b3da0ae-959c-459a-985f-9d43681ba7f4" providerId="ADAL" clId="{740736AA-2D8A-477F-8F00-B7CA75F7113B}" dt="2023-02-22T11:03:03.816" v="6519" actId="20577"/>
          <ac:spMkLst>
            <pc:docMk/>
            <pc:sldMk cId="1861739020" sldId="1394"/>
            <ac:spMk id="13" creationId="{F9BD4387-5B8A-82DF-7605-8EB4358C68B8}"/>
          </ac:spMkLst>
        </pc:spChg>
        <pc:spChg chg="mod">
          <ac:chgData name="Ogot, Mark Lester" userId="0b3da0ae-959c-459a-985f-9d43681ba7f4" providerId="ADAL" clId="{740736AA-2D8A-477F-8F00-B7CA75F7113B}" dt="2023-02-23T06:23:16.904" v="8269" actId="207"/>
          <ac:spMkLst>
            <pc:docMk/>
            <pc:sldMk cId="1861739020" sldId="1394"/>
            <ac:spMk id="14" creationId="{9AC95748-7D85-594D-1AC9-116F60D984E6}"/>
          </ac:spMkLst>
        </pc:spChg>
        <pc:spChg chg="add mod">
          <ac:chgData name="Ogot, Mark Lester" userId="0b3da0ae-959c-459a-985f-9d43681ba7f4" providerId="ADAL" clId="{740736AA-2D8A-477F-8F00-B7CA75F7113B}" dt="2023-02-22T10:50:23.173" v="6400" actId="1076"/>
          <ac:spMkLst>
            <pc:docMk/>
            <pc:sldMk cId="1861739020" sldId="1394"/>
            <ac:spMk id="15" creationId="{7A3DB163-406D-64FD-400E-EC0436439904}"/>
          </ac:spMkLst>
        </pc:spChg>
        <pc:spChg chg="add mod">
          <ac:chgData name="Ogot, Mark Lester" userId="0b3da0ae-959c-459a-985f-9d43681ba7f4" providerId="ADAL" clId="{740736AA-2D8A-477F-8F00-B7CA75F7113B}" dt="2023-02-23T06:23:16.904" v="8269" actId="207"/>
          <ac:spMkLst>
            <pc:docMk/>
            <pc:sldMk cId="1861739020" sldId="1394"/>
            <ac:spMk id="16" creationId="{42E1D7BB-1447-5E3C-5EB6-2931DFDDBEF2}"/>
          </ac:spMkLst>
        </pc:spChg>
        <pc:spChg chg="add mod">
          <ac:chgData name="Ogot, Mark Lester" userId="0b3da0ae-959c-459a-985f-9d43681ba7f4" providerId="ADAL" clId="{740736AA-2D8A-477F-8F00-B7CA75F7113B}" dt="2023-02-22T23:18:04.920" v="7658" actId="1036"/>
          <ac:spMkLst>
            <pc:docMk/>
            <pc:sldMk cId="1861739020" sldId="1394"/>
            <ac:spMk id="19" creationId="{6EC855D9-0692-4C10-7A3B-DBFA97CA2A98}"/>
          </ac:spMkLst>
        </pc:spChg>
        <pc:spChg chg="add mod">
          <ac:chgData name="Ogot, Mark Lester" userId="0b3da0ae-959c-459a-985f-9d43681ba7f4" providerId="ADAL" clId="{740736AA-2D8A-477F-8F00-B7CA75F7113B}" dt="2023-02-22T23:18:04.920" v="7658" actId="1036"/>
          <ac:spMkLst>
            <pc:docMk/>
            <pc:sldMk cId="1861739020" sldId="1394"/>
            <ac:spMk id="25" creationId="{1E267962-CE43-8A58-206B-FDF70412020A}"/>
          </ac:spMkLst>
        </pc:spChg>
        <pc:spChg chg="add mod">
          <ac:chgData name="Ogot, Mark Lester" userId="0b3da0ae-959c-459a-985f-9d43681ba7f4" providerId="ADAL" clId="{740736AA-2D8A-477F-8F00-B7CA75F7113B}" dt="2023-02-22T23:18:14.723" v="7660" actId="1076"/>
          <ac:spMkLst>
            <pc:docMk/>
            <pc:sldMk cId="1861739020" sldId="1394"/>
            <ac:spMk id="28" creationId="{EEC86F5A-BFAA-1E6E-1BF0-D3CEC0E941B5}"/>
          </ac:spMkLst>
        </pc:spChg>
        <pc:spChg chg="add mod">
          <ac:chgData name="Ogot, Mark Lester" userId="0b3da0ae-959c-459a-985f-9d43681ba7f4" providerId="ADAL" clId="{740736AA-2D8A-477F-8F00-B7CA75F7113B}" dt="2023-02-22T23:18:14.723" v="7660" actId="1076"/>
          <ac:spMkLst>
            <pc:docMk/>
            <pc:sldMk cId="1861739020" sldId="1394"/>
            <ac:spMk id="29" creationId="{8482D66A-8E77-23E5-FFE0-C0400CE7B1B6}"/>
          </ac:spMkLst>
        </pc:spChg>
        <pc:graphicFrameChg chg="add del mod modGraphic">
          <ac:chgData name="Ogot, Mark Lester" userId="0b3da0ae-959c-459a-985f-9d43681ba7f4" providerId="ADAL" clId="{740736AA-2D8A-477F-8F00-B7CA75F7113B}" dt="2023-02-22T10:28:53.503" v="6202" actId="478"/>
          <ac:graphicFrameMkLst>
            <pc:docMk/>
            <pc:sldMk cId="1861739020" sldId="1394"/>
            <ac:graphicFrameMk id="5" creationId="{031340C6-2E52-4448-1830-484E10284736}"/>
          </ac:graphicFrameMkLst>
        </pc:graphicFrameChg>
        <pc:graphicFrameChg chg="add del mod modGraphic">
          <ac:chgData name="Ogot, Mark Lester" userId="0b3da0ae-959c-459a-985f-9d43681ba7f4" providerId="ADAL" clId="{740736AA-2D8A-477F-8F00-B7CA75F7113B}" dt="2023-02-23T01:40:18.795" v="8228" actId="478"/>
          <ac:graphicFrameMkLst>
            <pc:docMk/>
            <pc:sldMk cId="1861739020" sldId="1394"/>
            <ac:graphicFrameMk id="5" creationId="{1D23B121-50AE-87F6-5247-2AC3EDAB12F3}"/>
          </ac:graphicFrameMkLst>
        </pc:graphicFrameChg>
        <pc:graphicFrameChg chg="add del mod">
          <ac:chgData name="Ogot, Mark Lester" userId="0b3da0ae-959c-459a-985f-9d43681ba7f4" providerId="ADAL" clId="{740736AA-2D8A-477F-8F00-B7CA75F7113B}" dt="2023-02-23T01:40:15.807" v="8226" actId="478"/>
          <ac:graphicFrameMkLst>
            <pc:docMk/>
            <pc:sldMk cId="1861739020" sldId="1394"/>
            <ac:graphicFrameMk id="7" creationId="{50B48831-18C4-DB63-0CCC-821FD82A8C62}"/>
          </ac:graphicFrameMkLst>
        </pc:graphicFrameChg>
        <pc:graphicFrameChg chg="add del mod modGraphic">
          <ac:chgData name="Ogot, Mark Lester" userId="0b3da0ae-959c-459a-985f-9d43681ba7f4" providerId="ADAL" clId="{740736AA-2D8A-477F-8F00-B7CA75F7113B}" dt="2023-02-22T10:28:53.503" v="6202" actId="478"/>
          <ac:graphicFrameMkLst>
            <pc:docMk/>
            <pc:sldMk cId="1861739020" sldId="1394"/>
            <ac:graphicFrameMk id="8" creationId="{1E4BBFD2-A556-BA27-0A0A-C883833E628D}"/>
          </ac:graphicFrameMkLst>
        </pc:graphicFrameChg>
        <pc:graphicFrameChg chg="add del mod modGraphic">
          <ac:chgData name="Ogot, Mark Lester" userId="0b3da0ae-959c-459a-985f-9d43681ba7f4" providerId="ADAL" clId="{740736AA-2D8A-477F-8F00-B7CA75F7113B}" dt="2023-02-22T10:32:39.522" v="6206" actId="478"/>
          <ac:graphicFrameMkLst>
            <pc:docMk/>
            <pc:sldMk cId="1861739020" sldId="1394"/>
            <ac:graphicFrameMk id="9" creationId="{CE9D1DFF-3FA5-7ABB-E9BB-C4AFACB2F4A7}"/>
          </ac:graphicFrameMkLst>
        </pc:graphicFrameChg>
        <pc:graphicFrameChg chg="add del mod">
          <ac:chgData name="Ogot, Mark Lester" userId="0b3da0ae-959c-459a-985f-9d43681ba7f4" providerId="ADAL" clId="{740736AA-2D8A-477F-8F00-B7CA75F7113B}" dt="2023-02-22T11:03:16.648" v="6521"/>
          <ac:graphicFrameMkLst>
            <pc:docMk/>
            <pc:sldMk cId="1861739020" sldId="1394"/>
            <ac:graphicFrameMk id="26" creationId="{59E38649-683F-5378-0C97-1E23ADC617A9}"/>
          </ac:graphicFrameMkLst>
        </pc:graphicFrameChg>
        <pc:graphicFrameChg chg="add mod modGraphic">
          <ac:chgData name="Ogot, Mark Lester" userId="0b3da0ae-959c-459a-985f-9d43681ba7f4" providerId="ADAL" clId="{740736AA-2D8A-477F-8F00-B7CA75F7113B}" dt="2023-02-22T23:18:10.402" v="7659" actId="1076"/>
          <ac:graphicFrameMkLst>
            <pc:docMk/>
            <pc:sldMk cId="1861739020" sldId="1394"/>
            <ac:graphicFrameMk id="27" creationId="{BD8DC114-F07D-CA44-4C86-A26407525FD8}"/>
          </ac:graphicFrameMkLst>
        </pc:graphicFrameChg>
        <pc:picChg chg="add mod">
          <ac:chgData name="Ogot, Mark Lester" userId="0b3da0ae-959c-459a-985f-9d43681ba7f4" providerId="ADAL" clId="{740736AA-2D8A-477F-8F00-B7CA75F7113B}" dt="2023-02-22T10:57:44.648" v="6484" actId="1076"/>
          <ac:picMkLst>
            <pc:docMk/>
            <pc:sldMk cId="1861739020" sldId="1394"/>
            <ac:picMk id="20" creationId="{EE2DAB75-57FC-78A6-DECE-672EE80F9FA7}"/>
          </ac:picMkLst>
        </pc:picChg>
        <pc:picChg chg="add mod">
          <ac:chgData name="Ogot, Mark Lester" userId="0b3da0ae-959c-459a-985f-9d43681ba7f4" providerId="ADAL" clId="{740736AA-2D8A-477F-8F00-B7CA75F7113B}" dt="2023-02-22T10:57:45.517" v="6485" actId="1076"/>
          <ac:picMkLst>
            <pc:docMk/>
            <pc:sldMk cId="1861739020" sldId="1394"/>
            <ac:picMk id="22" creationId="{0F3CBF59-77E2-732A-51B3-DB13AD4D50F5}"/>
          </ac:picMkLst>
        </pc:picChg>
        <pc:picChg chg="add mod">
          <ac:chgData name="Ogot, Mark Lester" userId="0b3da0ae-959c-459a-985f-9d43681ba7f4" providerId="ADAL" clId="{740736AA-2D8A-477F-8F00-B7CA75F7113B}" dt="2023-02-22T23:18:16.857" v="7661" actId="1076"/>
          <ac:picMkLst>
            <pc:docMk/>
            <pc:sldMk cId="1861739020" sldId="1394"/>
            <ac:picMk id="23" creationId="{9F3578AD-AC4A-42E1-BC44-27D73E832554}"/>
          </ac:picMkLst>
        </pc:picChg>
        <pc:picChg chg="add mod">
          <ac:chgData name="Ogot, Mark Lester" userId="0b3da0ae-959c-459a-985f-9d43681ba7f4" providerId="ADAL" clId="{740736AA-2D8A-477F-8F00-B7CA75F7113B}" dt="2023-02-22T10:58:17.506" v="6489" actId="1076"/>
          <ac:picMkLst>
            <pc:docMk/>
            <pc:sldMk cId="1861739020" sldId="1394"/>
            <ac:picMk id="24" creationId="{306BC806-D45F-2F34-5DBD-AB6B22913FED}"/>
          </ac:picMkLst>
        </pc:picChg>
        <pc:cxnChg chg="del">
          <ac:chgData name="Ogot, Mark Lester" userId="0b3da0ae-959c-459a-985f-9d43681ba7f4" providerId="ADAL" clId="{740736AA-2D8A-477F-8F00-B7CA75F7113B}" dt="2023-02-23T00:25:27.208" v="8181" actId="478"/>
          <ac:cxnSpMkLst>
            <pc:docMk/>
            <pc:sldMk cId="1861739020" sldId="1394"/>
            <ac:cxnSpMk id="12" creationId="{E491CAEF-7453-0D16-C74A-DE0D4D9CE8C6}"/>
          </ac:cxnSpMkLst>
        </pc:cxnChg>
        <pc:cxnChg chg="del">
          <ac:chgData name="Ogot, Mark Lester" userId="0b3da0ae-959c-459a-985f-9d43681ba7f4" providerId="ADAL" clId="{740736AA-2D8A-477F-8F00-B7CA75F7113B}" dt="2023-02-23T00:25:27.838" v="8182" actId="478"/>
          <ac:cxnSpMkLst>
            <pc:docMk/>
            <pc:sldMk cId="1861739020" sldId="1394"/>
            <ac:cxnSpMk id="17" creationId="{3C0A6619-340F-7CB3-DDA4-16B9BADE4D48}"/>
          </ac:cxnSpMkLst>
        </pc:cxnChg>
        <pc:cxnChg chg="del">
          <ac:chgData name="Ogot, Mark Lester" userId="0b3da0ae-959c-459a-985f-9d43681ba7f4" providerId="ADAL" clId="{740736AA-2D8A-477F-8F00-B7CA75F7113B}" dt="2023-02-23T00:25:28.665" v="8183" actId="478"/>
          <ac:cxnSpMkLst>
            <pc:docMk/>
            <pc:sldMk cId="1861739020" sldId="1394"/>
            <ac:cxnSpMk id="18" creationId="{26B81832-76BE-DBB9-B98E-E7C6364BE2CB}"/>
          </ac:cxnSpMkLst>
        </pc:cxnChg>
        <pc:cxnChg chg="del">
          <ac:chgData name="Ogot, Mark Lester" userId="0b3da0ae-959c-459a-985f-9d43681ba7f4" providerId="ADAL" clId="{740736AA-2D8A-477F-8F00-B7CA75F7113B}" dt="2023-02-23T00:25:29.238" v="8184" actId="478"/>
          <ac:cxnSpMkLst>
            <pc:docMk/>
            <pc:sldMk cId="1861739020" sldId="1394"/>
            <ac:cxnSpMk id="21" creationId="{BC16FFB4-5FE7-BB3F-82DB-3D3C4AC315EA}"/>
          </ac:cxnSpMkLst>
        </pc:cxnChg>
        <pc:cxnChg chg="add mod">
          <ac:chgData name="Ogot, Mark Lester" userId="0b3da0ae-959c-459a-985f-9d43681ba7f4" providerId="ADAL" clId="{740736AA-2D8A-477F-8F00-B7CA75F7113B}" dt="2023-02-22T23:18:14.723" v="7660" actId="1076"/>
          <ac:cxnSpMkLst>
            <pc:docMk/>
            <pc:sldMk cId="1861739020" sldId="1394"/>
            <ac:cxnSpMk id="31" creationId="{936D7691-6272-38BB-61FB-E885F548B746}"/>
          </ac:cxnSpMkLst>
        </pc:cxnChg>
      </pc:sldChg>
      <pc:sldChg chg="addSp delSp del mod">
        <pc:chgData name="Ogot, Mark Lester" userId="0b3da0ae-959c-459a-985f-9d43681ba7f4" providerId="ADAL" clId="{740736AA-2D8A-477F-8F00-B7CA75F7113B}" dt="2023-02-22T15:12:28.602" v="7496" actId="47"/>
        <pc:sldMkLst>
          <pc:docMk/>
          <pc:sldMk cId="1176883725" sldId="1395"/>
        </pc:sldMkLst>
        <pc:spChg chg="add del">
          <ac:chgData name="Ogot, Mark Lester" userId="0b3da0ae-959c-459a-985f-9d43681ba7f4" providerId="ADAL" clId="{740736AA-2D8A-477F-8F00-B7CA75F7113B}" dt="2023-02-22T06:05:15.107" v="5162" actId="22"/>
          <ac:spMkLst>
            <pc:docMk/>
            <pc:sldMk cId="1176883725" sldId="1395"/>
            <ac:spMk id="3" creationId="{C65EB584-2D36-2CBC-0DD6-2760DBF2FA0E}"/>
          </ac:spMkLst>
        </pc:spChg>
      </pc:sldChg>
      <pc:sldChg chg="addSp delSp modSp mod">
        <pc:chgData name="Ogot, Mark Lester" userId="0b3da0ae-959c-459a-985f-9d43681ba7f4" providerId="ADAL" clId="{740736AA-2D8A-477F-8F00-B7CA75F7113B}" dt="2023-02-23T00:25:53.041" v="8204" actId="478"/>
        <pc:sldMkLst>
          <pc:docMk/>
          <pc:sldMk cId="1317732811" sldId="1396"/>
        </pc:sldMkLst>
        <pc:spChg chg="add del mod">
          <ac:chgData name="Ogot, Mark Lester" userId="0b3da0ae-959c-459a-985f-9d43681ba7f4" providerId="ADAL" clId="{740736AA-2D8A-477F-8F00-B7CA75F7113B}" dt="2023-02-22T06:19:55.334" v="5414" actId="11529"/>
          <ac:spMkLst>
            <pc:docMk/>
            <pc:sldMk cId="1317732811" sldId="1396"/>
            <ac:spMk id="3" creationId="{4DAB1792-DAC2-EF57-E3EF-B185471C77D2}"/>
          </ac:spMkLst>
        </pc:spChg>
        <pc:spChg chg="mod">
          <ac:chgData name="Ogot, Mark Lester" userId="0b3da0ae-959c-459a-985f-9d43681ba7f4" providerId="ADAL" clId="{740736AA-2D8A-477F-8F00-B7CA75F7113B}" dt="2023-02-22T06:18:20.998" v="5377" actId="1076"/>
          <ac:spMkLst>
            <pc:docMk/>
            <pc:sldMk cId="1317732811" sldId="1396"/>
            <ac:spMk id="4" creationId="{B874381D-3683-E1CA-4051-FAF5437746BA}"/>
          </ac:spMkLst>
        </pc:spChg>
        <pc:spChg chg="mod topLvl">
          <ac:chgData name="Ogot, Mark Lester" userId="0b3da0ae-959c-459a-985f-9d43681ba7f4" providerId="ADAL" clId="{740736AA-2D8A-477F-8F00-B7CA75F7113B}" dt="2023-02-22T06:24:07.302" v="5555" actId="338"/>
          <ac:spMkLst>
            <pc:docMk/>
            <pc:sldMk cId="1317732811" sldId="1396"/>
            <ac:spMk id="6" creationId="{ACF74506-7C96-E264-1A03-ACBF8C104371}"/>
          </ac:spMkLst>
        </pc:spChg>
        <pc:spChg chg="mod topLvl">
          <ac:chgData name="Ogot, Mark Lester" userId="0b3da0ae-959c-459a-985f-9d43681ba7f4" providerId="ADAL" clId="{740736AA-2D8A-477F-8F00-B7CA75F7113B}" dt="2023-02-22T06:24:07.302" v="5555" actId="338"/>
          <ac:spMkLst>
            <pc:docMk/>
            <pc:sldMk cId="1317732811" sldId="1396"/>
            <ac:spMk id="7" creationId="{9CA60BA1-4062-01F0-39F0-B5E2579D292A}"/>
          </ac:spMkLst>
        </pc:spChg>
        <pc:spChg chg="mod topLvl">
          <ac:chgData name="Ogot, Mark Lester" userId="0b3da0ae-959c-459a-985f-9d43681ba7f4" providerId="ADAL" clId="{740736AA-2D8A-477F-8F00-B7CA75F7113B}" dt="2023-02-22T06:24:07.302" v="5555" actId="338"/>
          <ac:spMkLst>
            <pc:docMk/>
            <pc:sldMk cId="1317732811" sldId="1396"/>
            <ac:spMk id="8" creationId="{65BF3E66-00C0-8FC4-2087-97306E327A36}"/>
          </ac:spMkLst>
        </pc:spChg>
        <pc:spChg chg="mod topLvl">
          <ac:chgData name="Ogot, Mark Lester" userId="0b3da0ae-959c-459a-985f-9d43681ba7f4" providerId="ADAL" clId="{740736AA-2D8A-477F-8F00-B7CA75F7113B}" dt="2023-02-22T06:24:07.302" v="5555" actId="338"/>
          <ac:spMkLst>
            <pc:docMk/>
            <pc:sldMk cId="1317732811" sldId="1396"/>
            <ac:spMk id="9" creationId="{095B6AD9-2D3D-9312-DF76-67E76F40F72F}"/>
          </ac:spMkLst>
        </pc:spChg>
        <pc:spChg chg="mod topLvl">
          <ac:chgData name="Ogot, Mark Lester" userId="0b3da0ae-959c-459a-985f-9d43681ba7f4" providerId="ADAL" clId="{740736AA-2D8A-477F-8F00-B7CA75F7113B}" dt="2023-02-22T06:24:07.302" v="5555" actId="338"/>
          <ac:spMkLst>
            <pc:docMk/>
            <pc:sldMk cId="1317732811" sldId="1396"/>
            <ac:spMk id="10" creationId="{660B7DCB-4097-8C85-38DE-BED3E8B41C47}"/>
          </ac:spMkLst>
        </pc:spChg>
        <pc:spChg chg="mod topLvl">
          <ac:chgData name="Ogot, Mark Lester" userId="0b3da0ae-959c-459a-985f-9d43681ba7f4" providerId="ADAL" clId="{740736AA-2D8A-477F-8F00-B7CA75F7113B}" dt="2023-02-22T06:24:07.302" v="5555" actId="338"/>
          <ac:spMkLst>
            <pc:docMk/>
            <pc:sldMk cId="1317732811" sldId="1396"/>
            <ac:spMk id="11" creationId="{23B40FB9-5E08-038B-9A81-D70E354445E1}"/>
          </ac:spMkLst>
        </pc:spChg>
        <pc:spChg chg="mod topLvl">
          <ac:chgData name="Ogot, Mark Lester" userId="0b3da0ae-959c-459a-985f-9d43681ba7f4" providerId="ADAL" clId="{740736AA-2D8A-477F-8F00-B7CA75F7113B}" dt="2023-02-22T06:24:07.302" v="5555" actId="338"/>
          <ac:spMkLst>
            <pc:docMk/>
            <pc:sldMk cId="1317732811" sldId="1396"/>
            <ac:spMk id="13" creationId="{1CB830F5-4FBC-B532-FBDB-0EB0C4469B0C}"/>
          </ac:spMkLst>
        </pc:spChg>
        <pc:spChg chg="mod topLvl">
          <ac:chgData name="Ogot, Mark Lester" userId="0b3da0ae-959c-459a-985f-9d43681ba7f4" providerId="ADAL" clId="{740736AA-2D8A-477F-8F00-B7CA75F7113B}" dt="2023-02-22T06:24:07.302" v="5555" actId="338"/>
          <ac:spMkLst>
            <pc:docMk/>
            <pc:sldMk cId="1317732811" sldId="1396"/>
            <ac:spMk id="14" creationId="{7C37B681-6692-3E62-7300-E9E5DD88D727}"/>
          </ac:spMkLst>
        </pc:spChg>
        <pc:spChg chg="mod topLvl">
          <ac:chgData name="Ogot, Mark Lester" userId="0b3da0ae-959c-459a-985f-9d43681ba7f4" providerId="ADAL" clId="{740736AA-2D8A-477F-8F00-B7CA75F7113B}" dt="2023-02-22T06:24:07.302" v="5555" actId="338"/>
          <ac:spMkLst>
            <pc:docMk/>
            <pc:sldMk cId="1317732811" sldId="1396"/>
            <ac:spMk id="15" creationId="{054D4C94-E1E2-65F7-E4AC-A4AEF621A1C3}"/>
          </ac:spMkLst>
        </pc:spChg>
        <pc:spChg chg="mod topLvl">
          <ac:chgData name="Ogot, Mark Lester" userId="0b3da0ae-959c-459a-985f-9d43681ba7f4" providerId="ADAL" clId="{740736AA-2D8A-477F-8F00-B7CA75F7113B}" dt="2023-02-22T06:24:07.302" v="5555" actId="338"/>
          <ac:spMkLst>
            <pc:docMk/>
            <pc:sldMk cId="1317732811" sldId="1396"/>
            <ac:spMk id="16" creationId="{9FD31308-FD3F-A8BB-2AFE-1797F0D91F85}"/>
          </ac:spMkLst>
        </pc:spChg>
        <pc:spChg chg="mod topLvl">
          <ac:chgData name="Ogot, Mark Lester" userId="0b3da0ae-959c-459a-985f-9d43681ba7f4" providerId="ADAL" clId="{740736AA-2D8A-477F-8F00-B7CA75F7113B}" dt="2023-02-22T06:24:07.302" v="5555" actId="338"/>
          <ac:spMkLst>
            <pc:docMk/>
            <pc:sldMk cId="1317732811" sldId="1396"/>
            <ac:spMk id="19" creationId="{870A0903-74E9-1196-853E-6211FC094942}"/>
          </ac:spMkLst>
        </pc:spChg>
        <pc:spChg chg="mod topLvl">
          <ac:chgData name="Ogot, Mark Lester" userId="0b3da0ae-959c-459a-985f-9d43681ba7f4" providerId="ADAL" clId="{740736AA-2D8A-477F-8F00-B7CA75F7113B}" dt="2023-02-22T06:24:07.302" v="5555" actId="338"/>
          <ac:spMkLst>
            <pc:docMk/>
            <pc:sldMk cId="1317732811" sldId="1396"/>
            <ac:spMk id="20" creationId="{A2D09A7B-FA2E-C4E8-2B66-03B6ADD6A078}"/>
          </ac:spMkLst>
        </pc:spChg>
        <pc:spChg chg="mod topLvl">
          <ac:chgData name="Ogot, Mark Lester" userId="0b3da0ae-959c-459a-985f-9d43681ba7f4" providerId="ADAL" clId="{740736AA-2D8A-477F-8F00-B7CA75F7113B}" dt="2023-02-22T06:24:07.302" v="5555" actId="338"/>
          <ac:spMkLst>
            <pc:docMk/>
            <pc:sldMk cId="1317732811" sldId="1396"/>
            <ac:spMk id="22" creationId="{A1086DB1-F6F5-4D9A-0C7E-1B581EE06486}"/>
          </ac:spMkLst>
        </pc:spChg>
        <pc:spChg chg="mod topLvl">
          <ac:chgData name="Ogot, Mark Lester" userId="0b3da0ae-959c-459a-985f-9d43681ba7f4" providerId="ADAL" clId="{740736AA-2D8A-477F-8F00-B7CA75F7113B}" dt="2023-02-22T06:24:07.302" v="5555" actId="338"/>
          <ac:spMkLst>
            <pc:docMk/>
            <pc:sldMk cId="1317732811" sldId="1396"/>
            <ac:spMk id="23" creationId="{A803CE56-CC7D-A472-0A48-9E77AC048284}"/>
          </ac:spMkLst>
        </pc:spChg>
        <pc:spChg chg="mod topLvl">
          <ac:chgData name="Ogot, Mark Lester" userId="0b3da0ae-959c-459a-985f-9d43681ba7f4" providerId="ADAL" clId="{740736AA-2D8A-477F-8F00-B7CA75F7113B}" dt="2023-02-22T06:24:07.302" v="5555" actId="338"/>
          <ac:spMkLst>
            <pc:docMk/>
            <pc:sldMk cId="1317732811" sldId="1396"/>
            <ac:spMk id="24" creationId="{913B89A4-D2B2-AC28-D530-F563D44741CB}"/>
          </ac:spMkLst>
        </pc:spChg>
        <pc:spChg chg="mod topLvl">
          <ac:chgData name="Ogot, Mark Lester" userId="0b3da0ae-959c-459a-985f-9d43681ba7f4" providerId="ADAL" clId="{740736AA-2D8A-477F-8F00-B7CA75F7113B}" dt="2023-02-22T06:24:07.302" v="5555" actId="338"/>
          <ac:spMkLst>
            <pc:docMk/>
            <pc:sldMk cId="1317732811" sldId="1396"/>
            <ac:spMk id="25" creationId="{ED067089-464F-FC5C-CA70-A53906F89EA8}"/>
          </ac:spMkLst>
        </pc:spChg>
        <pc:spChg chg="mod topLvl">
          <ac:chgData name="Ogot, Mark Lester" userId="0b3da0ae-959c-459a-985f-9d43681ba7f4" providerId="ADAL" clId="{740736AA-2D8A-477F-8F00-B7CA75F7113B}" dt="2023-02-22T06:24:07.302" v="5555" actId="338"/>
          <ac:spMkLst>
            <pc:docMk/>
            <pc:sldMk cId="1317732811" sldId="1396"/>
            <ac:spMk id="26" creationId="{79CF7DFD-DF8E-E8CE-8E76-2883CE2D8141}"/>
          </ac:spMkLst>
        </pc:spChg>
        <pc:spChg chg="mod topLvl">
          <ac:chgData name="Ogot, Mark Lester" userId="0b3da0ae-959c-459a-985f-9d43681ba7f4" providerId="ADAL" clId="{740736AA-2D8A-477F-8F00-B7CA75F7113B}" dt="2023-02-22T06:24:07.302" v="5555" actId="338"/>
          <ac:spMkLst>
            <pc:docMk/>
            <pc:sldMk cId="1317732811" sldId="1396"/>
            <ac:spMk id="27" creationId="{65632D5C-3953-FCDD-5F10-A5030F67357E}"/>
          </ac:spMkLst>
        </pc:spChg>
        <pc:spChg chg="mod topLvl">
          <ac:chgData name="Ogot, Mark Lester" userId="0b3da0ae-959c-459a-985f-9d43681ba7f4" providerId="ADAL" clId="{740736AA-2D8A-477F-8F00-B7CA75F7113B}" dt="2023-02-22T06:24:07.302" v="5555" actId="338"/>
          <ac:spMkLst>
            <pc:docMk/>
            <pc:sldMk cId="1317732811" sldId="1396"/>
            <ac:spMk id="28" creationId="{789442A2-0126-6B94-78B0-9C725E0C49ED}"/>
          </ac:spMkLst>
        </pc:spChg>
        <pc:spChg chg="mod topLvl">
          <ac:chgData name="Ogot, Mark Lester" userId="0b3da0ae-959c-459a-985f-9d43681ba7f4" providerId="ADAL" clId="{740736AA-2D8A-477F-8F00-B7CA75F7113B}" dt="2023-02-22T06:24:07.302" v="5555" actId="338"/>
          <ac:spMkLst>
            <pc:docMk/>
            <pc:sldMk cId="1317732811" sldId="1396"/>
            <ac:spMk id="29" creationId="{D948BF6A-3C3C-D07C-B45F-D585DFBF691D}"/>
          </ac:spMkLst>
        </pc:spChg>
        <pc:spChg chg="mod topLvl">
          <ac:chgData name="Ogot, Mark Lester" userId="0b3da0ae-959c-459a-985f-9d43681ba7f4" providerId="ADAL" clId="{740736AA-2D8A-477F-8F00-B7CA75F7113B}" dt="2023-02-22T06:24:07.302" v="5555" actId="338"/>
          <ac:spMkLst>
            <pc:docMk/>
            <pc:sldMk cId="1317732811" sldId="1396"/>
            <ac:spMk id="30" creationId="{41975128-0DD4-F3EB-0E8C-8A0D1E04A3B5}"/>
          </ac:spMkLst>
        </pc:spChg>
        <pc:spChg chg="mod topLvl">
          <ac:chgData name="Ogot, Mark Lester" userId="0b3da0ae-959c-459a-985f-9d43681ba7f4" providerId="ADAL" clId="{740736AA-2D8A-477F-8F00-B7CA75F7113B}" dt="2023-02-22T06:24:07.302" v="5555" actId="338"/>
          <ac:spMkLst>
            <pc:docMk/>
            <pc:sldMk cId="1317732811" sldId="1396"/>
            <ac:spMk id="31" creationId="{99F20C46-2023-9899-9DD6-42068E2D2FF8}"/>
          </ac:spMkLst>
        </pc:spChg>
        <pc:spChg chg="mod topLvl">
          <ac:chgData name="Ogot, Mark Lester" userId="0b3da0ae-959c-459a-985f-9d43681ba7f4" providerId="ADAL" clId="{740736AA-2D8A-477F-8F00-B7CA75F7113B}" dt="2023-02-22T06:24:07.302" v="5555" actId="338"/>
          <ac:spMkLst>
            <pc:docMk/>
            <pc:sldMk cId="1317732811" sldId="1396"/>
            <ac:spMk id="32" creationId="{FD8039A5-32CB-C509-6F8F-1A33CC35FBC2}"/>
          </ac:spMkLst>
        </pc:spChg>
        <pc:spChg chg="add mod">
          <ac:chgData name="Ogot, Mark Lester" userId="0b3da0ae-959c-459a-985f-9d43681ba7f4" providerId="ADAL" clId="{740736AA-2D8A-477F-8F00-B7CA75F7113B}" dt="2023-02-22T06:20:09.665" v="5419" actId="571"/>
          <ac:spMkLst>
            <pc:docMk/>
            <pc:sldMk cId="1317732811" sldId="1396"/>
            <ac:spMk id="33" creationId="{5DBF8F56-A784-EDE5-6158-134224A0A9B3}"/>
          </ac:spMkLst>
        </pc:spChg>
        <pc:spChg chg="add mod">
          <ac:chgData name="Ogot, Mark Lester" userId="0b3da0ae-959c-459a-985f-9d43681ba7f4" providerId="ADAL" clId="{740736AA-2D8A-477F-8F00-B7CA75F7113B}" dt="2023-02-22T06:25:08.413" v="5574" actId="1036"/>
          <ac:spMkLst>
            <pc:docMk/>
            <pc:sldMk cId="1317732811" sldId="1396"/>
            <ac:spMk id="38" creationId="{7FA6B71F-AB95-07F7-8ABB-1154EFD1158F}"/>
          </ac:spMkLst>
        </pc:spChg>
        <pc:grpChg chg="del mod">
          <ac:chgData name="Ogot, Mark Lester" userId="0b3da0ae-959c-459a-985f-9d43681ba7f4" providerId="ADAL" clId="{740736AA-2D8A-477F-8F00-B7CA75F7113B}" dt="2023-02-22T06:20:07.610" v="5417" actId="165"/>
          <ac:grpSpMkLst>
            <pc:docMk/>
            <pc:sldMk cId="1317732811" sldId="1396"/>
            <ac:grpSpMk id="5" creationId="{844FFF78-354E-37C3-27FC-B904E0DF48C2}"/>
          </ac:grpSpMkLst>
        </pc:grpChg>
        <pc:grpChg chg="add del mod">
          <ac:chgData name="Ogot, Mark Lester" userId="0b3da0ae-959c-459a-985f-9d43681ba7f4" providerId="ADAL" clId="{740736AA-2D8A-477F-8F00-B7CA75F7113B}" dt="2023-02-22T06:23:13.913" v="5497" actId="165"/>
          <ac:grpSpMkLst>
            <pc:docMk/>
            <pc:sldMk cId="1317732811" sldId="1396"/>
            <ac:grpSpMk id="34" creationId="{F1701997-1BB9-B53A-35B7-E72219E0EEEB}"/>
          </ac:grpSpMkLst>
        </pc:grpChg>
        <pc:grpChg chg="add mod">
          <ac:chgData name="Ogot, Mark Lester" userId="0b3da0ae-959c-459a-985f-9d43681ba7f4" providerId="ADAL" clId="{740736AA-2D8A-477F-8F00-B7CA75F7113B}" dt="2023-02-22T06:24:09.230" v="5556" actId="1076"/>
          <ac:grpSpMkLst>
            <pc:docMk/>
            <pc:sldMk cId="1317732811" sldId="1396"/>
            <ac:grpSpMk id="37" creationId="{1A261D87-0BD7-7347-99FB-A15A61FE46D2}"/>
          </ac:grpSpMkLst>
        </pc:grpChg>
        <pc:graphicFrameChg chg="add del mod modGraphic">
          <ac:chgData name="Ogot, Mark Lester" userId="0b3da0ae-959c-459a-985f-9d43681ba7f4" providerId="ADAL" clId="{740736AA-2D8A-477F-8F00-B7CA75F7113B}" dt="2023-02-22T06:20:00.588" v="5416" actId="18245"/>
          <ac:graphicFrameMkLst>
            <pc:docMk/>
            <pc:sldMk cId="1317732811" sldId="1396"/>
            <ac:graphicFrameMk id="2" creationId="{333281E2-791A-3779-BB91-C9E8AF60B598}"/>
          </ac:graphicFrameMkLst>
        </pc:graphicFrameChg>
        <pc:picChg chg="add del mod">
          <ac:chgData name="Ogot, Mark Lester" userId="0b3da0ae-959c-459a-985f-9d43681ba7f4" providerId="ADAL" clId="{740736AA-2D8A-477F-8F00-B7CA75F7113B}" dt="2023-02-23T00:03:11.990" v="8022" actId="478"/>
          <ac:picMkLst>
            <pc:docMk/>
            <pc:sldMk cId="1317732811" sldId="1396"/>
            <ac:picMk id="3" creationId="{28A38CEC-E1F1-30B6-BF5C-0665AAB7702B}"/>
          </ac:picMkLst>
        </pc:picChg>
        <pc:picChg chg="add mod">
          <ac:chgData name="Ogot, Mark Lester" userId="0b3da0ae-959c-459a-985f-9d43681ba7f4" providerId="ADAL" clId="{740736AA-2D8A-477F-8F00-B7CA75F7113B}" dt="2023-02-23T00:05:24.590" v="8080" actId="1035"/>
          <ac:picMkLst>
            <pc:docMk/>
            <pc:sldMk cId="1317732811" sldId="1396"/>
            <ac:picMk id="5" creationId="{527B0788-FF6A-E688-BF35-4B1FCF4B5E6E}"/>
          </ac:picMkLst>
        </pc:picChg>
        <pc:picChg chg="add mod">
          <ac:chgData name="Ogot, Mark Lester" userId="0b3da0ae-959c-459a-985f-9d43681ba7f4" providerId="ADAL" clId="{740736AA-2D8A-477F-8F00-B7CA75F7113B}" dt="2023-02-23T00:05:14.050" v="8063" actId="1038"/>
          <ac:picMkLst>
            <pc:docMk/>
            <pc:sldMk cId="1317732811" sldId="1396"/>
            <ac:picMk id="35" creationId="{F8E5A4C8-D18B-F41B-5642-A7787762ED4E}"/>
          </ac:picMkLst>
        </pc:picChg>
        <pc:picChg chg="add mod modCrop">
          <ac:chgData name="Ogot, Mark Lester" userId="0b3da0ae-959c-459a-985f-9d43681ba7f4" providerId="ADAL" clId="{740736AA-2D8A-477F-8F00-B7CA75F7113B}" dt="2023-02-23T00:05:17.892" v="8065" actId="1076"/>
          <ac:picMkLst>
            <pc:docMk/>
            <pc:sldMk cId="1317732811" sldId="1396"/>
            <ac:picMk id="36" creationId="{FE999D21-9984-7274-A212-BC58304C1CFA}"/>
          </ac:picMkLst>
        </pc:picChg>
        <pc:cxnChg chg="del">
          <ac:chgData name="Ogot, Mark Lester" userId="0b3da0ae-959c-459a-985f-9d43681ba7f4" providerId="ADAL" clId="{740736AA-2D8A-477F-8F00-B7CA75F7113B}" dt="2023-02-23T00:25:50.737" v="8201" actId="478"/>
          <ac:cxnSpMkLst>
            <pc:docMk/>
            <pc:sldMk cId="1317732811" sldId="1396"/>
            <ac:cxnSpMk id="12" creationId="{E491CAEF-7453-0D16-C74A-DE0D4D9CE8C6}"/>
          </ac:cxnSpMkLst>
        </pc:cxnChg>
        <pc:cxnChg chg="del">
          <ac:chgData name="Ogot, Mark Lester" userId="0b3da0ae-959c-459a-985f-9d43681ba7f4" providerId="ADAL" clId="{740736AA-2D8A-477F-8F00-B7CA75F7113B}" dt="2023-02-23T00:25:51.525" v="8202" actId="478"/>
          <ac:cxnSpMkLst>
            <pc:docMk/>
            <pc:sldMk cId="1317732811" sldId="1396"/>
            <ac:cxnSpMk id="17" creationId="{3C0A6619-340F-7CB3-DDA4-16B9BADE4D48}"/>
          </ac:cxnSpMkLst>
        </pc:cxnChg>
        <pc:cxnChg chg="del">
          <ac:chgData name="Ogot, Mark Lester" userId="0b3da0ae-959c-459a-985f-9d43681ba7f4" providerId="ADAL" clId="{740736AA-2D8A-477F-8F00-B7CA75F7113B}" dt="2023-02-23T00:25:52.611" v="8203" actId="478"/>
          <ac:cxnSpMkLst>
            <pc:docMk/>
            <pc:sldMk cId="1317732811" sldId="1396"/>
            <ac:cxnSpMk id="18" creationId="{26B81832-76BE-DBB9-B98E-E7C6364BE2CB}"/>
          </ac:cxnSpMkLst>
        </pc:cxnChg>
        <pc:cxnChg chg="del">
          <ac:chgData name="Ogot, Mark Lester" userId="0b3da0ae-959c-459a-985f-9d43681ba7f4" providerId="ADAL" clId="{740736AA-2D8A-477F-8F00-B7CA75F7113B}" dt="2023-02-23T00:25:53.041" v="8204" actId="478"/>
          <ac:cxnSpMkLst>
            <pc:docMk/>
            <pc:sldMk cId="1317732811" sldId="1396"/>
            <ac:cxnSpMk id="21" creationId="{BC16FFB4-5FE7-BB3F-82DB-3D3C4AC315EA}"/>
          </ac:cxnSpMkLst>
        </pc:cxnChg>
      </pc:sldChg>
      <pc:sldChg chg="delSp modSp mod">
        <pc:chgData name="Ogot, Mark Lester" userId="0b3da0ae-959c-459a-985f-9d43681ba7f4" providerId="ADAL" clId="{740736AA-2D8A-477F-8F00-B7CA75F7113B}" dt="2023-02-23T00:25:44.245" v="8196" actId="478"/>
        <pc:sldMkLst>
          <pc:docMk/>
          <pc:sldMk cId="50622250" sldId="1397"/>
        </pc:sldMkLst>
        <pc:picChg chg="mod">
          <ac:chgData name="Ogot, Mark Lester" userId="0b3da0ae-959c-459a-985f-9d43681ba7f4" providerId="ADAL" clId="{740736AA-2D8A-477F-8F00-B7CA75F7113B}" dt="2023-02-23T00:06:05.941" v="8082" actId="1076"/>
          <ac:picMkLst>
            <pc:docMk/>
            <pc:sldMk cId="50622250" sldId="1397"/>
            <ac:picMk id="2" creationId="{96EFCDB9-B912-6275-8B29-954765D6E37F}"/>
          </ac:picMkLst>
        </pc:picChg>
        <pc:cxnChg chg="del">
          <ac:chgData name="Ogot, Mark Lester" userId="0b3da0ae-959c-459a-985f-9d43681ba7f4" providerId="ADAL" clId="{740736AA-2D8A-477F-8F00-B7CA75F7113B}" dt="2023-02-23T00:25:41.938" v="8193" actId="478"/>
          <ac:cxnSpMkLst>
            <pc:docMk/>
            <pc:sldMk cId="50622250" sldId="1397"/>
            <ac:cxnSpMk id="12" creationId="{E491CAEF-7453-0D16-C74A-DE0D4D9CE8C6}"/>
          </ac:cxnSpMkLst>
        </pc:cxnChg>
        <pc:cxnChg chg="del">
          <ac:chgData name="Ogot, Mark Lester" userId="0b3da0ae-959c-459a-985f-9d43681ba7f4" providerId="ADAL" clId="{740736AA-2D8A-477F-8F00-B7CA75F7113B}" dt="2023-02-23T00:25:42.512" v="8194" actId="478"/>
          <ac:cxnSpMkLst>
            <pc:docMk/>
            <pc:sldMk cId="50622250" sldId="1397"/>
            <ac:cxnSpMk id="17" creationId="{3C0A6619-340F-7CB3-DDA4-16B9BADE4D48}"/>
          </ac:cxnSpMkLst>
        </pc:cxnChg>
        <pc:cxnChg chg="del">
          <ac:chgData name="Ogot, Mark Lester" userId="0b3da0ae-959c-459a-985f-9d43681ba7f4" providerId="ADAL" clId="{740736AA-2D8A-477F-8F00-B7CA75F7113B}" dt="2023-02-23T00:25:44.245" v="8196" actId="478"/>
          <ac:cxnSpMkLst>
            <pc:docMk/>
            <pc:sldMk cId="50622250" sldId="1397"/>
            <ac:cxnSpMk id="18" creationId="{26B81832-76BE-DBB9-B98E-E7C6364BE2CB}"/>
          </ac:cxnSpMkLst>
        </pc:cxnChg>
        <pc:cxnChg chg="del">
          <ac:chgData name="Ogot, Mark Lester" userId="0b3da0ae-959c-459a-985f-9d43681ba7f4" providerId="ADAL" clId="{740736AA-2D8A-477F-8F00-B7CA75F7113B}" dt="2023-02-23T00:25:43.542" v="8195" actId="478"/>
          <ac:cxnSpMkLst>
            <pc:docMk/>
            <pc:sldMk cId="50622250" sldId="1397"/>
            <ac:cxnSpMk id="21" creationId="{BC16FFB4-5FE7-BB3F-82DB-3D3C4AC315EA}"/>
          </ac:cxnSpMkLst>
        </pc:cxnChg>
      </pc:sldChg>
      <pc:sldChg chg="addSp delSp mod">
        <pc:chgData name="Ogot, Mark Lester" userId="0b3da0ae-959c-459a-985f-9d43681ba7f4" providerId="ADAL" clId="{740736AA-2D8A-477F-8F00-B7CA75F7113B}" dt="2023-02-23T00:25:57.788" v="8208" actId="478"/>
        <pc:sldMkLst>
          <pc:docMk/>
          <pc:sldMk cId="1474999358" sldId="1398"/>
        </pc:sldMkLst>
        <pc:cxnChg chg="add del">
          <ac:chgData name="Ogot, Mark Lester" userId="0b3da0ae-959c-459a-985f-9d43681ba7f4" providerId="ADAL" clId="{740736AA-2D8A-477F-8F00-B7CA75F7113B}" dt="2023-02-23T00:25:57.788" v="8208" actId="478"/>
          <ac:cxnSpMkLst>
            <pc:docMk/>
            <pc:sldMk cId="1474999358" sldId="1398"/>
            <ac:cxnSpMk id="12" creationId="{E491CAEF-7453-0D16-C74A-DE0D4D9CE8C6}"/>
          </ac:cxnSpMkLst>
        </pc:cxnChg>
        <pc:cxnChg chg="add del">
          <ac:chgData name="Ogot, Mark Lester" userId="0b3da0ae-959c-459a-985f-9d43681ba7f4" providerId="ADAL" clId="{740736AA-2D8A-477F-8F00-B7CA75F7113B}" dt="2023-02-23T00:25:57.453" v="8207" actId="478"/>
          <ac:cxnSpMkLst>
            <pc:docMk/>
            <pc:sldMk cId="1474999358" sldId="1398"/>
            <ac:cxnSpMk id="17" creationId="{3C0A6619-340F-7CB3-DDA4-16B9BADE4D48}"/>
          </ac:cxnSpMkLst>
        </pc:cxnChg>
      </pc:sldChg>
      <pc:sldChg chg="addSp delSp modSp mod">
        <pc:chgData name="Ogot, Mark Lester" userId="0b3da0ae-959c-459a-985f-9d43681ba7f4" providerId="ADAL" clId="{740736AA-2D8A-477F-8F00-B7CA75F7113B}" dt="2023-02-23T03:36:27.360" v="8256" actId="14100"/>
        <pc:sldMkLst>
          <pc:docMk/>
          <pc:sldMk cId="38406187" sldId="1399"/>
        </pc:sldMkLst>
        <pc:spChg chg="add del mod">
          <ac:chgData name="Ogot, Mark Lester" userId="0b3da0ae-959c-459a-985f-9d43681ba7f4" providerId="ADAL" clId="{740736AA-2D8A-477F-8F00-B7CA75F7113B}" dt="2023-02-22T06:47:13.734" v="5620" actId="478"/>
          <ac:spMkLst>
            <pc:docMk/>
            <pc:sldMk cId="38406187" sldId="1399"/>
            <ac:spMk id="5" creationId="{56DA1507-6BF4-0911-1FB5-38362580F002}"/>
          </ac:spMkLst>
        </pc:spChg>
        <pc:picChg chg="del">
          <ac:chgData name="Ogot, Mark Lester" userId="0b3da0ae-959c-459a-985f-9d43681ba7f4" providerId="ADAL" clId="{740736AA-2D8A-477F-8F00-B7CA75F7113B}" dt="2023-02-22T06:47:12.055" v="5619" actId="478"/>
          <ac:picMkLst>
            <pc:docMk/>
            <pc:sldMk cId="38406187" sldId="1399"/>
            <ac:picMk id="2" creationId="{96EFCDB9-B912-6275-8B29-954765D6E37F}"/>
          </ac:picMkLst>
        </pc:picChg>
        <pc:picChg chg="add mod">
          <ac:chgData name="Ogot, Mark Lester" userId="0b3da0ae-959c-459a-985f-9d43681ba7f4" providerId="ADAL" clId="{740736AA-2D8A-477F-8F00-B7CA75F7113B}" dt="2023-02-23T03:36:27.360" v="8256" actId="14100"/>
          <ac:picMkLst>
            <pc:docMk/>
            <pc:sldMk cId="38406187" sldId="1399"/>
            <ac:picMk id="6" creationId="{ACFBDBD8-0B7F-E528-0086-DF70FB7C0038}"/>
          </ac:picMkLst>
        </pc:picChg>
        <pc:cxnChg chg="del">
          <ac:chgData name="Ogot, Mark Lester" userId="0b3da0ae-959c-459a-985f-9d43681ba7f4" providerId="ADAL" clId="{740736AA-2D8A-477F-8F00-B7CA75F7113B}" dt="2023-02-23T00:25:46.616" v="8197" actId="478"/>
          <ac:cxnSpMkLst>
            <pc:docMk/>
            <pc:sldMk cId="38406187" sldId="1399"/>
            <ac:cxnSpMk id="12" creationId="{E491CAEF-7453-0D16-C74A-DE0D4D9CE8C6}"/>
          </ac:cxnSpMkLst>
        </pc:cxnChg>
        <pc:cxnChg chg="del">
          <ac:chgData name="Ogot, Mark Lester" userId="0b3da0ae-959c-459a-985f-9d43681ba7f4" providerId="ADAL" clId="{740736AA-2D8A-477F-8F00-B7CA75F7113B}" dt="2023-02-23T00:25:47.180" v="8198" actId="478"/>
          <ac:cxnSpMkLst>
            <pc:docMk/>
            <pc:sldMk cId="38406187" sldId="1399"/>
            <ac:cxnSpMk id="17" creationId="{3C0A6619-340F-7CB3-DDA4-16B9BADE4D48}"/>
          </ac:cxnSpMkLst>
        </pc:cxnChg>
        <pc:cxnChg chg="del">
          <ac:chgData name="Ogot, Mark Lester" userId="0b3da0ae-959c-459a-985f-9d43681ba7f4" providerId="ADAL" clId="{740736AA-2D8A-477F-8F00-B7CA75F7113B}" dt="2023-02-23T00:25:48.173" v="8199" actId="478"/>
          <ac:cxnSpMkLst>
            <pc:docMk/>
            <pc:sldMk cId="38406187" sldId="1399"/>
            <ac:cxnSpMk id="18" creationId="{26B81832-76BE-DBB9-B98E-E7C6364BE2CB}"/>
          </ac:cxnSpMkLst>
        </pc:cxnChg>
        <pc:cxnChg chg="del">
          <ac:chgData name="Ogot, Mark Lester" userId="0b3da0ae-959c-459a-985f-9d43681ba7f4" providerId="ADAL" clId="{740736AA-2D8A-477F-8F00-B7CA75F7113B}" dt="2023-02-23T00:25:48.611" v="8200" actId="478"/>
          <ac:cxnSpMkLst>
            <pc:docMk/>
            <pc:sldMk cId="38406187" sldId="1399"/>
            <ac:cxnSpMk id="21" creationId="{BC16FFB4-5FE7-BB3F-82DB-3D3C4AC315EA}"/>
          </ac:cxnSpMkLst>
        </pc:cxnChg>
      </pc:sldChg>
      <pc:sldChg chg="addSp delSp modSp mod">
        <pc:chgData name="Ogot, Mark Lester" userId="0b3da0ae-959c-459a-985f-9d43681ba7f4" providerId="ADAL" clId="{740736AA-2D8A-477F-8F00-B7CA75F7113B}" dt="2023-02-23T03:51:01.560" v="8268" actId="1036"/>
        <pc:sldMkLst>
          <pc:docMk/>
          <pc:sldMk cId="4229735333" sldId="1400"/>
        </pc:sldMkLst>
        <pc:spChg chg="del">
          <ac:chgData name="Ogot, Mark Lester" userId="0b3da0ae-959c-459a-985f-9d43681ba7f4" providerId="ADAL" clId="{740736AA-2D8A-477F-8F00-B7CA75F7113B}" dt="2023-02-22T06:25:43.596" v="5577" actId="478"/>
          <ac:spMkLst>
            <pc:docMk/>
            <pc:sldMk cId="4229735333" sldId="1400"/>
            <ac:spMk id="5" creationId="{B7303E10-2612-F775-AB70-90CA79ED0690}"/>
          </ac:spMkLst>
        </pc:spChg>
        <pc:spChg chg="del">
          <ac:chgData name="Ogot, Mark Lester" userId="0b3da0ae-959c-459a-985f-9d43681ba7f4" providerId="ADAL" clId="{740736AA-2D8A-477F-8F00-B7CA75F7113B}" dt="2023-02-22T06:25:43.596" v="5577" actId="478"/>
          <ac:spMkLst>
            <pc:docMk/>
            <pc:sldMk cId="4229735333" sldId="1400"/>
            <ac:spMk id="6" creationId="{F5C0EAE2-B422-83F5-1843-06FF59EF4FCD}"/>
          </ac:spMkLst>
        </pc:spChg>
        <pc:spChg chg="del">
          <ac:chgData name="Ogot, Mark Lester" userId="0b3da0ae-959c-459a-985f-9d43681ba7f4" providerId="ADAL" clId="{740736AA-2D8A-477F-8F00-B7CA75F7113B}" dt="2023-02-22T06:25:43.596" v="5577" actId="478"/>
          <ac:spMkLst>
            <pc:docMk/>
            <pc:sldMk cId="4229735333" sldId="1400"/>
            <ac:spMk id="7" creationId="{97243DF4-76CF-AD4B-2CE9-1E6BB39BB6A4}"/>
          </ac:spMkLst>
        </pc:spChg>
        <pc:spChg chg="del">
          <ac:chgData name="Ogot, Mark Lester" userId="0b3da0ae-959c-459a-985f-9d43681ba7f4" providerId="ADAL" clId="{740736AA-2D8A-477F-8F00-B7CA75F7113B}" dt="2023-02-22T06:25:43.596" v="5577" actId="478"/>
          <ac:spMkLst>
            <pc:docMk/>
            <pc:sldMk cId="4229735333" sldId="1400"/>
            <ac:spMk id="8" creationId="{CD8B3B17-15DE-A2E0-4865-EBC83EEE6426}"/>
          </ac:spMkLst>
        </pc:spChg>
        <pc:spChg chg="add del mod">
          <ac:chgData name="Ogot, Mark Lester" userId="0b3da0ae-959c-459a-985f-9d43681ba7f4" providerId="ADAL" clId="{740736AA-2D8A-477F-8F00-B7CA75F7113B}" dt="2023-02-22T06:33:05.265" v="5591"/>
          <ac:spMkLst>
            <pc:docMk/>
            <pc:sldMk cId="4229735333" sldId="1400"/>
            <ac:spMk id="26" creationId="{5FE5420D-C310-5425-FE92-CE9BB820016A}"/>
          </ac:spMkLst>
        </pc:spChg>
        <pc:spChg chg="add del mod">
          <ac:chgData name="Ogot, Mark Lester" userId="0b3da0ae-959c-459a-985f-9d43681ba7f4" providerId="ADAL" clId="{740736AA-2D8A-477F-8F00-B7CA75F7113B}" dt="2023-02-22T06:33:05.265" v="5591"/>
          <ac:spMkLst>
            <pc:docMk/>
            <pc:sldMk cId="4229735333" sldId="1400"/>
            <ac:spMk id="27" creationId="{D6DA15AD-1DFF-972F-6BA5-4354A8F8238C}"/>
          </ac:spMkLst>
        </pc:spChg>
        <pc:spChg chg="add del mod">
          <ac:chgData name="Ogot, Mark Lester" userId="0b3da0ae-959c-459a-985f-9d43681ba7f4" providerId="ADAL" clId="{740736AA-2D8A-477F-8F00-B7CA75F7113B}" dt="2023-02-22T06:33:05.265" v="5591"/>
          <ac:spMkLst>
            <pc:docMk/>
            <pc:sldMk cId="4229735333" sldId="1400"/>
            <ac:spMk id="28" creationId="{3F5691CD-E55C-F81A-14C2-2F792D156ECD}"/>
          </ac:spMkLst>
        </pc:spChg>
        <pc:spChg chg="add del mod">
          <ac:chgData name="Ogot, Mark Lester" userId="0b3da0ae-959c-459a-985f-9d43681ba7f4" providerId="ADAL" clId="{740736AA-2D8A-477F-8F00-B7CA75F7113B}" dt="2023-02-22T06:33:05.265" v="5591"/>
          <ac:spMkLst>
            <pc:docMk/>
            <pc:sldMk cId="4229735333" sldId="1400"/>
            <ac:spMk id="30" creationId="{85D0C272-1BEA-2F2F-A35C-97AE9D29E32D}"/>
          </ac:spMkLst>
        </pc:spChg>
        <pc:spChg chg="add del mod">
          <ac:chgData name="Ogot, Mark Lester" userId="0b3da0ae-959c-459a-985f-9d43681ba7f4" providerId="ADAL" clId="{740736AA-2D8A-477F-8F00-B7CA75F7113B}" dt="2023-02-22T06:33:05.265" v="5591"/>
          <ac:spMkLst>
            <pc:docMk/>
            <pc:sldMk cId="4229735333" sldId="1400"/>
            <ac:spMk id="31" creationId="{676F13CC-78DD-2D8A-4450-ACF207814C84}"/>
          </ac:spMkLst>
        </pc:spChg>
        <pc:spChg chg="add del mod">
          <ac:chgData name="Ogot, Mark Lester" userId="0b3da0ae-959c-459a-985f-9d43681ba7f4" providerId="ADAL" clId="{740736AA-2D8A-477F-8F00-B7CA75F7113B}" dt="2023-02-22T06:33:05.265" v="5591"/>
          <ac:spMkLst>
            <pc:docMk/>
            <pc:sldMk cId="4229735333" sldId="1400"/>
            <ac:spMk id="32" creationId="{51A08452-EEC3-2D14-03AB-795B881657B6}"/>
          </ac:spMkLst>
        </pc:spChg>
        <pc:spChg chg="add del mod">
          <ac:chgData name="Ogot, Mark Lester" userId="0b3da0ae-959c-459a-985f-9d43681ba7f4" providerId="ADAL" clId="{740736AA-2D8A-477F-8F00-B7CA75F7113B}" dt="2023-02-22T06:33:05.265" v="5591"/>
          <ac:spMkLst>
            <pc:docMk/>
            <pc:sldMk cId="4229735333" sldId="1400"/>
            <ac:spMk id="33" creationId="{E995010E-7527-756B-FDE7-FE0F3C44019E}"/>
          </ac:spMkLst>
        </pc:spChg>
        <pc:spChg chg="add del mod">
          <ac:chgData name="Ogot, Mark Lester" userId="0b3da0ae-959c-459a-985f-9d43681ba7f4" providerId="ADAL" clId="{740736AA-2D8A-477F-8F00-B7CA75F7113B}" dt="2023-02-22T06:33:05.265" v="5591"/>
          <ac:spMkLst>
            <pc:docMk/>
            <pc:sldMk cId="4229735333" sldId="1400"/>
            <ac:spMk id="34" creationId="{BF298146-5C7A-1550-FD23-90486BDDBF56}"/>
          </ac:spMkLst>
        </pc:spChg>
        <pc:spChg chg="add del mod">
          <ac:chgData name="Ogot, Mark Lester" userId="0b3da0ae-959c-459a-985f-9d43681ba7f4" providerId="ADAL" clId="{740736AA-2D8A-477F-8F00-B7CA75F7113B}" dt="2023-02-22T06:33:05.265" v="5591"/>
          <ac:spMkLst>
            <pc:docMk/>
            <pc:sldMk cId="4229735333" sldId="1400"/>
            <ac:spMk id="35" creationId="{72567A73-38C2-F854-A57B-09B2FA2A8A36}"/>
          </ac:spMkLst>
        </pc:spChg>
        <pc:spChg chg="add del mod">
          <ac:chgData name="Ogot, Mark Lester" userId="0b3da0ae-959c-459a-985f-9d43681ba7f4" providerId="ADAL" clId="{740736AA-2D8A-477F-8F00-B7CA75F7113B}" dt="2023-02-22T06:33:05.265" v="5591"/>
          <ac:spMkLst>
            <pc:docMk/>
            <pc:sldMk cId="4229735333" sldId="1400"/>
            <ac:spMk id="36" creationId="{1F850ECC-185F-8F48-FE1B-09ACA948A454}"/>
          </ac:spMkLst>
        </pc:spChg>
        <pc:spChg chg="add del mod">
          <ac:chgData name="Ogot, Mark Lester" userId="0b3da0ae-959c-459a-985f-9d43681ba7f4" providerId="ADAL" clId="{740736AA-2D8A-477F-8F00-B7CA75F7113B}" dt="2023-02-22T06:33:05.265" v="5591"/>
          <ac:spMkLst>
            <pc:docMk/>
            <pc:sldMk cId="4229735333" sldId="1400"/>
            <ac:spMk id="37" creationId="{A62FCF24-EEE6-37D1-A0D4-207E689E9AF6}"/>
          </ac:spMkLst>
        </pc:spChg>
        <pc:spChg chg="add del mod">
          <ac:chgData name="Ogot, Mark Lester" userId="0b3da0ae-959c-459a-985f-9d43681ba7f4" providerId="ADAL" clId="{740736AA-2D8A-477F-8F00-B7CA75F7113B}" dt="2023-02-22T06:33:05.265" v="5591"/>
          <ac:spMkLst>
            <pc:docMk/>
            <pc:sldMk cId="4229735333" sldId="1400"/>
            <ac:spMk id="38" creationId="{EFDA9D62-C92F-68C2-9D16-6BE93E0775A2}"/>
          </ac:spMkLst>
        </pc:spChg>
        <pc:spChg chg="add del mod">
          <ac:chgData name="Ogot, Mark Lester" userId="0b3da0ae-959c-459a-985f-9d43681ba7f4" providerId="ADAL" clId="{740736AA-2D8A-477F-8F00-B7CA75F7113B}" dt="2023-02-22T06:33:05.265" v="5591"/>
          <ac:spMkLst>
            <pc:docMk/>
            <pc:sldMk cId="4229735333" sldId="1400"/>
            <ac:spMk id="39" creationId="{EF6F3E3B-4F7A-0437-B994-1E5379655B81}"/>
          </ac:spMkLst>
        </pc:spChg>
        <pc:spChg chg="add del mod">
          <ac:chgData name="Ogot, Mark Lester" userId="0b3da0ae-959c-459a-985f-9d43681ba7f4" providerId="ADAL" clId="{740736AA-2D8A-477F-8F00-B7CA75F7113B}" dt="2023-02-22T06:33:05.265" v="5591"/>
          <ac:spMkLst>
            <pc:docMk/>
            <pc:sldMk cId="4229735333" sldId="1400"/>
            <ac:spMk id="40" creationId="{390B0D03-C629-E42E-667D-CABE2A3BA031}"/>
          </ac:spMkLst>
        </pc:spChg>
        <pc:spChg chg="add del mod">
          <ac:chgData name="Ogot, Mark Lester" userId="0b3da0ae-959c-459a-985f-9d43681ba7f4" providerId="ADAL" clId="{740736AA-2D8A-477F-8F00-B7CA75F7113B}" dt="2023-02-22T06:33:05.265" v="5591"/>
          <ac:spMkLst>
            <pc:docMk/>
            <pc:sldMk cId="4229735333" sldId="1400"/>
            <ac:spMk id="41" creationId="{6031D190-3B65-4079-455B-B0057A335BD7}"/>
          </ac:spMkLst>
        </pc:spChg>
        <pc:spChg chg="add del mod">
          <ac:chgData name="Ogot, Mark Lester" userId="0b3da0ae-959c-459a-985f-9d43681ba7f4" providerId="ADAL" clId="{740736AA-2D8A-477F-8F00-B7CA75F7113B}" dt="2023-02-22T06:33:05.265" v="5591"/>
          <ac:spMkLst>
            <pc:docMk/>
            <pc:sldMk cId="4229735333" sldId="1400"/>
            <ac:spMk id="42" creationId="{7BB95FC4-A464-66DC-C50B-A8FEBFB7BF99}"/>
          </ac:spMkLst>
        </pc:spChg>
        <pc:spChg chg="add del mod">
          <ac:chgData name="Ogot, Mark Lester" userId="0b3da0ae-959c-459a-985f-9d43681ba7f4" providerId="ADAL" clId="{740736AA-2D8A-477F-8F00-B7CA75F7113B}" dt="2023-02-22T06:33:05.265" v="5591"/>
          <ac:spMkLst>
            <pc:docMk/>
            <pc:sldMk cId="4229735333" sldId="1400"/>
            <ac:spMk id="43" creationId="{FCD84C16-E380-8A6D-4010-084FF949FCDF}"/>
          </ac:spMkLst>
        </pc:spChg>
        <pc:spChg chg="add del mod">
          <ac:chgData name="Ogot, Mark Lester" userId="0b3da0ae-959c-459a-985f-9d43681ba7f4" providerId="ADAL" clId="{740736AA-2D8A-477F-8F00-B7CA75F7113B}" dt="2023-02-22T06:33:05.265" v="5591"/>
          <ac:spMkLst>
            <pc:docMk/>
            <pc:sldMk cId="4229735333" sldId="1400"/>
            <ac:spMk id="44" creationId="{BF86FCE0-74F5-9235-97AD-F42C33B1CE6A}"/>
          </ac:spMkLst>
        </pc:spChg>
        <pc:spChg chg="add del mod">
          <ac:chgData name="Ogot, Mark Lester" userId="0b3da0ae-959c-459a-985f-9d43681ba7f4" providerId="ADAL" clId="{740736AA-2D8A-477F-8F00-B7CA75F7113B}" dt="2023-02-22T06:33:05.265" v="5591"/>
          <ac:spMkLst>
            <pc:docMk/>
            <pc:sldMk cId="4229735333" sldId="1400"/>
            <ac:spMk id="45" creationId="{E366209E-ED12-EDAF-174C-DC6EF58932BA}"/>
          </ac:spMkLst>
        </pc:spChg>
        <pc:spChg chg="add del mod">
          <ac:chgData name="Ogot, Mark Lester" userId="0b3da0ae-959c-459a-985f-9d43681ba7f4" providerId="ADAL" clId="{740736AA-2D8A-477F-8F00-B7CA75F7113B}" dt="2023-02-22T06:33:05.265" v="5591"/>
          <ac:spMkLst>
            <pc:docMk/>
            <pc:sldMk cId="4229735333" sldId="1400"/>
            <ac:spMk id="46" creationId="{7778846A-9E4F-7710-2990-E5DA86EAA15D}"/>
          </ac:spMkLst>
        </pc:spChg>
        <pc:spChg chg="add del mod">
          <ac:chgData name="Ogot, Mark Lester" userId="0b3da0ae-959c-459a-985f-9d43681ba7f4" providerId="ADAL" clId="{740736AA-2D8A-477F-8F00-B7CA75F7113B}" dt="2023-02-22T06:33:05.265" v="5591"/>
          <ac:spMkLst>
            <pc:docMk/>
            <pc:sldMk cId="4229735333" sldId="1400"/>
            <ac:spMk id="47" creationId="{16CD05EF-6D01-7CF6-AB73-F4B6B822FEB4}"/>
          </ac:spMkLst>
        </pc:spChg>
        <pc:spChg chg="add del mod">
          <ac:chgData name="Ogot, Mark Lester" userId="0b3da0ae-959c-459a-985f-9d43681ba7f4" providerId="ADAL" clId="{740736AA-2D8A-477F-8F00-B7CA75F7113B}" dt="2023-02-22T06:33:05.265" v="5591"/>
          <ac:spMkLst>
            <pc:docMk/>
            <pc:sldMk cId="4229735333" sldId="1400"/>
            <ac:spMk id="48" creationId="{6657FA1B-5AF6-B7CD-72DA-DF30853F5FCD}"/>
          </ac:spMkLst>
        </pc:spChg>
        <pc:spChg chg="add del mod">
          <ac:chgData name="Ogot, Mark Lester" userId="0b3da0ae-959c-459a-985f-9d43681ba7f4" providerId="ADAL" clId="{740736AA-2D8A-477F-8F00-B7CA75F7113B}" dt="2023-02-22T06:33:05.265" v="5591"/>
          <ac:spMkLst>
            <pc:docMk/>
            <pc:sldMk cId="4229735333" sldId="1400"/>
            <ac:spMk id="49" creationId="{602FA23E-114F-CC16-C3CF-047D84724A26}"/>
          </ac:spMkLst>
        </pc:spChg>
        <pc:spChg chg="add del mod">
          <ac:chgData name="Ogot, Mark Lester" userId="0b3da0ae-959c-459a-985f-9d43681ba7f4" providerId="ADAL" clId="{740736AA-2D8A-477F-8F00-B7CA75F7113B}" dt="2023-02-22T06:33:05.265" v="5591"/>
          <ac:spMkLst>
            <pc:docMk/>
            <pc:sldMk cId="4229735333" sldId="1400"/>
            <ac:spMk id="50" creationId="{4622D55E-D6AC-C1B2-94E3-F373A633BECC}"/>
          </ac:spMkLst>
        </pc:spChg>
        <pc:spChg chg="add del mod">
          <ac:chgData name="Ogot, Mark Lester" userId="0b3da0ae-959c-459a-985f-9d43681ba7f4" providerId="ADAL" clId="{740736AA-2D8A-477F-8F00-B7CA75F7113B}" dt="2023-02-22T06:33:05.265" v="5591"/>
          <ac:spMkLst>
            <pc:docMk/>
            <pc:sldMk cId="4229735333" sldId="1400"/>
            <ac:spMk id="51" creationId="{73917B82-7BAB-05DC-0F7D-5ABD4E636888}"/>
          </ac:spMkLst>
        </pc:spChg>
        <pc:spChg chg="add del mod">
          <ac:chgData name="Ogot, Mark Lester" userId="0b3da0ae-959c-459a-985f-9d43681ba7f4" providerId="ADAL" clId="{740736AA-2D8A-477F-8F00-B7CA75F7113B}" dt="2023-02-22T06:33:05.265" v="5591"/>
          <ac:spMkLst>
            <pc:docMk/>
            <pc:sldMk cId="4229735333" sldId="1400"/>
            <ac:spMk id="52" creationId="{92BFAA62-9598-EB85-2AF3-BB4E4B93B126}"/>
          </ac:spMkLst>
        </pc:spChg>
        <pc:spChg chg="add del mod">
          <ac:chgData name="Ogot, Mark Lester" userId="0b3da0ae-959c-459a-985f-9d43681ba7f4" providerId="ADAL" clId="{740736AA-2D8A-477F-8F00-B7CA75F7113B}" dt="2023-02-22T06:33:05.265" v="5591"/>
          <ac:spMkLst>
            <pc:docMk/>
            <pc:sldMk cId="4229735333" sldId="1400"/>
            <ac:spMk id="53" creationId="{933FE6B4-C09C-DAC0-72EA-4778D53FCCF6}"/>
          </ac:spMkLst>
        </pc:spChg>
        <pc:spChg chg="add del mod">
          <ac:chgData name="Ogot, Mark Lester" userId="0b3da0ae-959c-459a-985f-9d43681ba7f4" providerId="ADAL" clId="{740736AA-2D8A-477F-8F00-B7CA75F7113B}" dt="2023-02-22T06:33:05.265" v="5591"/>
          <ac:spMkLst>
            <pc:docMk/>
            <pc:sldMk cId="4229735333" sldId="1400"/>
            <ac:spMk id="54" creationId="{03C1FDD4-C8C2-274D-B6C1-62AA21927F6F}"/>
          </ac:spMkLst>
        </pc:spChg>
        <pc:spChg chg="add del mod">
          <ac:chgData name="Ogot, Mark Lester" userId="0b3da0ae-959c-459a-985f-9d43681ba7f4" providerId="ADAL" clId="{740736AA-2D8A-477F-8F00-B7CA75F7113B}" dt="2023-02-22T06:33:05.265" v="5591"/>
          <ac:spMkLst>
            <pc:docMk/>
            <pc:sldMk cId="4229735333" sldId="1400"/>
            <ac:spMk id="55" creationId="{825F5F41-CE99-0147-463B-65DB2EA86F9F}"/>
          </ac:spMkLst>
        </pc:spChg>
        <pc:spChg chg="add del mod">
          <ac:chgData name="Ogot, Mark Lester" userId="0b3da0ae-959c-459a-985f-9d43681ba7f4" providerId="ADAL" clId="{740736AA-2D8A-477F-8F00-B7CA75F7113B}" dt="2023-02-22T06:33:05.265" v="5591"/>
          <ac:spMkLst>
            <pc:docMk/>
            <pc:sldMk cId="4229735333" sldId="1400"/>
            <ac:spMk id="56" creationId="{71F85ACD-357B-6EBF-877B-365EC6AC460A}"/>
          </ac:spMkLst>
        </pc:spChg>
        <pc:spChg chg="add del mod">
          <ac:chgData name="Ogot, Mark Lester" userId="0b3da0ae-959c-459a-985f-9d43681ba7f4" providerId="ADAL" clId="{740736AA-2D8A-477F-8F00-B7CA75F7113B}" dt="2023-02-22T06:33:05.265" v="5591"/>
          <ac:spMkLst>
            <pc:docMk/>
            <pc:sldMk cId="4229735333" sldId="1400"/>
            <ac:spMk id="57" creationId="{F666C55F-51CB-0F73-ABDC-97E73D2258D0}"/>
          </ac:spMkLst>
        </pc:spChg>
        <pc:spChg chg="add del mod">
          <ac:chgData name="Ogot, Mark Lester" userId="0b3da0ae-959c-459a-985f-9d43681ba7f4" providerId="ADAL" clId="{740736AA-2D8A-477F-8F00-B7CA75F7113B}" dt="2023-02-22T06:33:05.265" v="5591"/>
          <ac:spMkLst>
            <pc:docMk/>
            <pc:sldMk cId="4229735333" sldId="1400"/>
            <ac:spMk id="58" creationId="{D66875C5-829E-BD03-2769-08215DFCF1CC}"/>
          </ac:spMkLst>
        </pc:spChg>
        <pc:spChg chg="add del mod">
          <ac:chgData name="Ogot, Mark Lester" userId="0b3da0ae-959c-459a-985f-9d43681ba7f4" providerId="ADAL" clId="{740736AA-2D8A-477F-8F00-B7CA75F7113B}" dt="2023-02-22T06:33:05.265" v="5591"/>
          <ac:spMkLst>
            <pc:docMk/>
            <pc:sldMk cId="4229735333" sldId="1400"/>
            <ac:spMk id="59" creationId="{76E65FA1-1B49-0D38-6D2E-1BE03D3D23BD}"/>
          </ac:spMkLst>
        </pc:spChg>
        <pc:spChg chg="add del mod">
          <ac:chgData name="Ogot, Mark Lester" userId="0b3da0ae-959c-459a-985f-9d43681ba7f4" providerId="ADAL" clId="{740736AA-2D8A-477F-8F00-B7CA75F7113B}" dt="2023-02-22T06:33:05.265" v="5591"/>
          <ac:spMkLst>
            <pc:docMk/>
            <pc:sldMk cId="4229735333" sldId="1400"/>
            <ac:spMk id="60" creationId="{4372BA24-FEF1-303F-571E-60FD89959486}"/>
          </ac:spMkLst>
        </pc:spChg>
        <pc:spChg chg="add del mod">
          <ac:chgData name="Ogot, Mark Lester" userId="0b3da0ae-959c-459a-985f-9d43681ba7f4" providerId="ADAL" clId="{740736AA-2D8A-477F-8F00-B7CA75F7113B}" dt="2023-02-22T06:33:05.265" v="5591"/>
          <ac:spMkLst>
            <pc:docMk/>
            <pc:sldMk cId="4229735333" sldId="1400"/>
            <ac:spMk id="61" creationId="{4174AC5E-D457-8F0D-A3BC-5389A21D7806}"/>
          </ac:spMkLst>
        </pc:spChg>
        <pc:spChg chg="add del mod">
          <ac:chgData name="Ogot, Mark Lester" userId="0b3da0ae-959c-459a-985f-9d43681ba7f4" providerId="ADAL" clId="{740736AA-2D8A-477F-8F00-B7CA75F7113B}" dt="2023-02-22T06:33:05.265" v="5591"/>
          <ac:spMkLst>
            <pc:docMk/>
            <pc:sldMk cId="4229735333" sldId="1400"/>
            <ac:spMk id="62" creationId="{DD8D2B37-96C2-F364-089B-CDCA08C16C0D}"/>
          </ac:spMkLst>
        </pc:spChg>
        <pc:spChg chg="add del mod">
          <ac:chgData name="Ogot, Mark Lester" userId="0b3da0ae-959c-459a-985f-9d43681ba7f4" providerId="ADAL" clId="{740736AA-2D8A-477F-8F00-B7CA75F7113B}" dt="2023-02-22T06:33:05.265" v="5591"/>
          <ac:spMkLst>
            <pc:docMk/>
            <pc:sldMk cId="4229735333" sldId="1400"/>
            <ac:spMk id="63" creationId="{93F3E019-FF01-4930-1CD9-48093D9C2369}"/>
          </ac:spMkLst>
        </pc:spChg>
        <pc:spChg chg="add del mod">
          <ac:chgData name="Ogot, Mark Lester" userId="0b3da0ae-959c-459a-985f-9d43681ba7f4" providerId="ADAL" clId="{740736AA-2D8A-477F-8F00-B7CA75F7113B}" dt="2023-02-22T06:33:05.265" v="5591"/>
          <ac:spMkLst>
            <pc:docMk/>
            <pc:sldMk cId="4229735333" sldId="1400"/>
            <ac:spMk id="64" creationId="{D4FAB293-EF26-89DE-2479-266C2A9049B2}"/>
          </ac:spMkLst>
        </pc:spChg>
        <pc:spChg chg="add del mod">
          <ac:chgData name="Ogot, Mark Lester" userId="0b3da0ae-959c-459a-985f-9d43681ba7f4" providerId="ADAL" clId="{740736AA-2D8A-477F-8F00-B7CA75F7113B}" dt="2023-02-22T06:33:05.265" v="5591"/>
          <ac:spMkLst>
            <pc:docMk/>
            <pc:sldMk cId="4229735333" sldId="1400"/>
            <ac:spMk id="65" creationId="{3BC8B6D8-A56D-C9F1-E8E5-B20A52DA41D7}"/>
          </ac:spMkLst>
        </pc:spChg>
        <pc:spChg chg="add del mod">
          <ac:chgData name="Ogot, Mark Lester" userId="0b3da0ae-959c-459a-985f-9d43681ba7f4" providerId="ADAL" clId="{740736AA-2D8A-477F-8F00-B7CA75F7113B}" dt="2023-02-22T06:33:05.265" v="5591"/>
          <ac:spMkLst>
            <pc:docMk/>
            <pc:sldMk cId="4229735333" sldId="1400"/>
            <ac:spMk id="66" creationId="{EC9635D0-9D19-77C7-94B3-A25489494FB4}"/>
          </ac:spMkLst>
        </pc:spChg>
        <pc:spChg chg="add del mod">
          <ac:chgData name="Ogot, Mark Lester" userId="0b3da0ae-959c-459a-985f-9d43681ba7f4" providerId="ADAL" clId="{740736AA-2D8A-477F-8F00-B7CA75F7113B}" dt="2023-02-22T06:33:05.265" v="5591"/>
          <ac:spMkLst>
            <pc:docMk/>
            <pc:sldMk cId="4229735333" sldId="1400"/>
            <ac:spMk id="67" creationId="{C6804298-9B73-D2A4-ACE4-EBC2BD5F29A4}"/>
          </ac:spMkLst>
        </pc:spChg>
        <pc:spChg chg="add del mod">
          <ac:chgData name="Ogot, Mark Lester" userId="0b3da0ae-959c-459a-985f-9d43681ba7f4" providerId="ADAL" clId="{740736AA-2D8A-477F-8F00-B7CA75F7113B}" dt="2023-02-22T06:33:05.265" v="5591"/>
          <ac:spMkLst>
            <pc:docMk/>
            <pc:sldMk cId="4229735333" sldId="1400"/>
            <ac:spMk id="68" creationId="{24EC3F4A-962F-F066-A5B8-A927F1E08ACC}"/>
          </ac:spMkLst>
        </pc:spChg>
        <pc:spChg chg="add del mod">
          <ac:chgData name="Ogot, Mark Lester" userId="0b3da0ae-959c-459a-985f-9d43681ba7f4" providerId="ADAL" clId="{740736AA-2D8A-477F-8F00-B7CA75F7113B}" dt="2023-02-22T06:33:05.265" v="5591"/>
          <ac:spMkLst>
            <pc:docMk/>
            <pc:sldMk cId="4229735333" sldId="1400"/>
            <ac:spMk id="69" creationId="{FCB88407-764D-19FD-238E-D6E7975FE11F}"/>
          </ac:spMkLst>
        </pc:spChg>
        <pc:spChg chg="add del mod">
          <ac:chgData name="Ogot, Mark Lester" userId="0b3da0ae-959c-459a-985f-9d43681ba7f4" providerId="ADAL" clId="{740736AA-2D8A-477F-8F00-B7CA75F7113B}" dt="2023-02-22T06:33:05.265" v="5591"/>
          <ac:spMkLst>
            <pc:docMk/>
            <pc:sldMk cId="4229735333" sldId="1400"/>
            <ac:spMk id="70" creationId="{7ED85A0A-707D-7D78-C46F-A90F66E8DE37}"/>
          </ac:spMkLst>
        </pc:spChg>
        <pc:spChg chg="add del mod">
          <ac:chgData name="Ogot, Mark Lester" userId="0b3da0ae-959c-459a-985f-9d43681ba7f4" providerId="ADAL" clId="{740736AA-2D8A-477F-8F00-B7CA75F7113B}" dt="2023-02-22T06:33:05.265" v="5591"/>
          <ac:spMkLst>
            <pc:docMk/>
            <pc:sldMk cId="4229735333" sldId="1400"/>
            <ac:spMk id="71" creationId="{CDF811B0-8F11-7639-A925-B38320E032CE}"/>
          </ac:spMkLst>
        </pc:spChg>
        <pc:spChg chg="add del mod">
          <ac:chgData name="Ogot, Mark Lester" userId="0b3da0ae-959c-459a-985f-9d43681ba7f4" providerId="ADAL" clId="{740736AA-2D8A-477F-8F00-B7CA75F7113B}" dt="2023-02-22T06:33:05.265" v="5591"/>
          <ac:spMkLst>
            <pc:docMk/>
            <pc:sldMk cId="4229735333" sldId="1400"/>
            <ac:spMk id="72" creationId="{EF538381-D1C1-60F3-8175-7261EF5CF420}"/>
          </ac:spMkLst>
        </pc:spChg>
        <pc:spChg chg="add del mod">
          <ac:chgData name="Ogot, Mark Lester" userId="0b3da0ae-959c-459a-985f-9d43681ba7f4" providerId="ADAL" clId="{740736AA-2D8A-477F-8F00-B7CA75F7113B}" dt="2023-02-22T06:33:05.265" v="5591"/>
          <ac:spMkLst>
            <pc:docMk/>
            <pc:sldMk cId="4229735333" sldId="1400"/>
            <ac:spMk id="73" creationId="{AD6A0BAB-CCC4-F4A7-C1E8-4543F8F81A28}"/>
          </ac:spMkLst>
        </pc:spChg>
        <pc:spChg chg="add del mod">
          <ac:chgData name="Ogot, Mark Lester" userId="0b3da0ae-959c-459a-985f-9d43681ba7f4" providerId="ADAL" clId="{740736AA-2D8A-477F-8F00-B7CA75F7113B}" dt="2023-02-22T06:33:05.265" v="5591"/>
          <ac:spMkLst>
            <pc:docMk/>
            <pc:sldMk cId="4229735333" sldId="1400"/>
            <ac:spMk id="74" creationId="{C3EB687F-98A0-2739-ED57-AF570A6436B7}"/>
          </ac:spMkLst>
        </pc:spChg>
        <pc:spChg chg="add del mod">
          <ac:chgData name="Ogot, Mark Lester" userId="0b3da0ae-959c-459a-985f-9d43681ba7f4" providerId="ADAL" clId="{740736AA-2D8A-477F-8F00-B7CA75F7113B}" dt="2023-02-22T06:33:05.265" v="5591"/>
          <ac:spMkLst>
            <pc:docMk/>
            <pc:sldMk cId="4229735333" sldId="1400"/>
            <ac:spMk id="75" creationId="{0B199BD7-C53A-23CB-E8CA-4A3A441B481E}"/>
          </ac:spMkLst>
        </pc:spChg>
        <pc:spChg chg="add mod">
          <ac:chgData name="Ogot, Mark Lester" userId="0b3da0ae-959c-459a-985f-9d43681ba7f4" providerId="ADAL" clId="{740736AA-2D8A-477F-8F00-B7CA75F7113B}" dt="2023-02-23T00:26:21.451" v="8214" actId="14100"/>
          <ac:spMkLst>
            <pc:docMk/>
            <pc:sldMk cId="4229735333" sldId="1400"/>
            <ac:spMk id="76" creationId="{65888A9F-0688-EE6D-14A1-69A2DD38D3F9}"/>
          </ac:spMkLst>
        </pc:spChg>
        <pc:spChg chg="add mod">
          <ac:chgData name="Ogot, Mark Lester" userId="0b3da0ae-959c-459a-985f-9d43681ba7f4" providerId="ADAL" clId="{740736AA-2D8A-477F-8F00-B7CA75F7113B}" dt="2023-02-23T00:26:21.451" v="8214" actId="14100"/>
          <ac:spMkLst>
            <pc:docMk/>
            <pc:sldMk cId="4229735333" sldId="1400"/>
            <ac:spMk id="77" creationId="{5997A634-4ACC-865C-2EB8-36A3E788C40C}"/>
          </ac:spMkLst>
        </pc:spChg>
        <pc:spChg chg="add mod">
          <ac:chgData name="Ogot, Mark Lester" userId="0b3da0ae-959c-459a-985f-9d43681ba7f4" providerId="ADAL" clId="{740736AA-2D8A-477F-8F00-B7CA75F7113B}" dt="2023-02-23T00:26:21.451" v="8214" actId="14100"/>
          <ac:spMkLst>
            <pc:docMk/>
            <pc:sldMk cId="4229735333" sldId="1400"/>
            <ac:spMk id="78" creationId="{29E22350-4B10-7E2D-4CB2-89FAFA1DFC76}"/>
          </ac:spMkLst>
        </pc:spChg>
        <pc:spChg chg="add mod">
          <ac:chgData name="Ogot, Mark Lester" userId="0b3da0ae-959c-459a-985f-9d43681ba7f4" providerId="ADAL" clId="{740736AA-2D8A-477F-8F00-B7CA75F7113B}" dt="2023-02-23T00:26:21.451" v="8214" actId="14100"/>
          <ac:spMkLst>
            <pc:docMk/>
            <pc:sldMk cId="4229735333" sldId="1400"/>
            <ac:spMk id="79" creationId="{AC355441-5F1D-0C28-ACE1-0FD237C4FADF}"/>
          </ac:spMkLst>
        </pc:spChg>
        <pc:spChg chg="add mod">
          <ac:chgData name="Ogot, Mark Lester" userId="0b3da0ae-959c-459a-985f-9d43681ba7f4" providerId="ADAL" clId="{740736AA-2D8A-477F-8F00-B7CA75F7113B}" dt="2023-02-23T00:26:21.451" v="8214" actId="14100"/>
          <ac:spMkLst>
            <pc:docMk/>
            <pc:sldMk cId="4229735333" sldId="1400"/>
            <ac:spMk id="80" creationId="{2FA916F6-9F02-7EF1-12A4-625E2B5AE71C}"/>
          </ac:spMkLst>
        </pc:spChg>
        <pc:spChg chg="add mod">
          <ac:chgData name="Ogot, Mark Lester" userId="0b3da0ae-959c-459a-985f-9d43681ba7f4" providerId="ADAL" clId="{740736AA-2D8A-477F-8F00-B7CA75F7113B}" dt="2023-02-23T00:26:21.451" v="8214" actId="14100"/>
          <ac:spMkLst>
            <pc:docMk/>
            <pc:sldMk cId="4229735333" sldId="1400"/>
            <ac:spMk id="81" creationId="{036E5D37-7857-0664-37AE-58F3E2364B39}"/>
          </ac:spMkLst>
        </pc:spChg>
        <pc:spChg chg="add mod">
          <ac:chgData name="Ogot, Mark Lester" userId="0b3da0ae-959c-459a-985f-9d43681ba7f4" providerId="ADAL" clId="{740736AA-2D8A-477F-8F00-B7CA75F7113B}" dt="2023-02-23T00:26:21.451" v="8214" actId="14100"/>
          <ac:spMkLst>
            <pc:docMk/>
            <pc:sldMk cId="4229735333" sldId="1400"/>
            <ac:spMk id="82" creationId="{BC3BEC23-984A-4069-407C-55807519964B}"/>
          </ac:spMkLst>
        </pc:spChg>
        <pc:spChg chg="add mod">
          <ac:chgData name="Ogot, Mark Lester" userId="0b3da0ae-959c-459a-985f-9d43681ba7f4" providerId="ADAL" clId="{740736AA-2D8A-477F-8F00-B7CA75F7113B}" dt="2023-02-23T00:26:21.451" v="8214" actId="14100"/>
          <ac:spMkLst>
            <pc:docMk/>
            <pc:sldMk cId="4229735333" sldId="1400"/>
            <ac:spMk id="83" creationId="{DBE5FEF9-6DF0-D48F-8D33-D034E71354A1}"/>
          </ac:spMkLst>
        </pc:spChg>
        <pc:spChg chg="add mod">
          <ac:chgData name="Ogot, Mark Lester" userId="0b3da0ae-959c-459a-985f-9d43681ba7f4" providerId="ADAL" clId="{740736AA-2D8A-477F-8F00-B7CA75F7113B}" dt="2023-02-23T00:26:21.451" v="8214" actId="14100"/>
          <ac:spMkLst>
            <pc:docMk/>
            <pc:sldMk cId="4229735333" sldId="1400"/>
            <ac:spMk id="90" creationId="{0CE34CBB-BCAD-ED75-806A-4AAC9C566BD5}"/>
          </ac:spMkLst>
        </pc:spChg>
        <pc:spChg chg="add mod">
          <ac:chgData name="Ogot, Mark Lester" userId="0b3da0ae-959c-459a-985f-9d43681ba7f4" providerId="ADAL" clId="{740736AA-2D8A-477F-8F00-B7CA75F7113B}" dt="2023-02-23T01:15:36.835" v="8219" actId="207"/>
          <ac:spMkLst>
            <pc:docMk/>
            <pc:sldMk cId="4229735333" sldId="1400"/>
            <ac:spMk id="91" creationId="{D1DC94C8-CC02-162C-34A9-5FE01EDD294F}"/>
          </ac:spMkLst>
        </pc:spChg>
        <pc:spChg chg="add mod">
          <ac:chgData name="Ogot, Mark Lester" userId="0b3da0ae-959c-459a-985f-9d43681ba7f4" providerId="ADAL" clId="{740736AA-2D8A-477F-8F00-B7CA75F7113B}" dt="2023-02-23T00:26:21.451" v="8214" actId="14100"/>
          <ac:spMkLst>
            <pc:docMk/>
            <pc:sldMk cId="4229735333" sldId="1400"/>
            <ac:spMk id="92" creationId="{19AAC21D-0653-697C-0ACE-D7B77EB5F8EF}"/>
          </ac:spMkLst>
        </pc:spChg>
        <pc:spChg chg="add mod">
          <ac:chgData name="Ogot, Mark Lester" userId="0b3da0ae-959c-459a-985f-9d43681ba7f4" providerId="ADAL" clId="{740736AA-2D8A-477F-8F00-B7CA75F7113B}" dt="2023-02-23T00:26:21.451" v="8214" actId="14100"/>
          <ac:spMkLst>
            <pc:docMk/>
            <pc:sldMk cId="4229735333" sldId="1400"/>
            <ac:spMk id="93" creationId="{EE207625-5E48-8416-7732-89FD66142B5B}"/>
          </ac:spMkLst>
        </pc:spChg>
        <pc:spChg chg="add mod">
          <ac:chgData name="Ogot, Mark Lester" userId="0b3da0ae-959c-459a-985f-9d43681ba7f4" providerId="ADAL" clId="{740736AA-2D8A-477F-8F00-B7CA75F7113B}" dt="2023-02-23T00:26:21.451" v="8214" actId="14100"/>
          <ac:spMkLst>
            <pc:docMk/>
            <pc:sldMk cId="4229735333" sldId="1400"/>
            <ac:spMk id="94" creationId="{3F30C11B-ED96-F4C5-FC27-FABA11D595F3}"/>
          </ac:spMkLst>
        </pc:spChg>
        <pc:spChg chg="add mod">
          <ac:chgData name="Ogot, Mark Lester" userId="0b3da0ae-959c-459a-985f-9d43681ba7f4" providerId="ADAL" clId="{740736AA-2D8A-477F-8F00-B7CA75F7113B}" dt="2023-02-23T00:26:21.451" v="8214" actId="14100"/>
          <ac:spMkLst>
            <pc:docMk/>
            <pc:sldMk cId="4229735333" sldId="1400"/>
            <ac:spMk id="95" creationId="{50832C4C-AF0B-C412-D249-27A6DC4B6C18}"/>
          </ac:spMkLst>
        </pc:spChg>
        <pc:spChg chg="add mod">
          <ac:chgData name="Ogot, Mark Lester" userId="0b3da0ae-959c-459a-985f-9d43681ba7f4" providerId="ADAL" clId="{740736AA-2D8A-477F-8F00-B7CA75F7113B}" dt="2023-02-23T00:26:21.451" v="8214" actId="14100"/>
          <ac:spMkLst>
            <pc:docMk/>
            <pc:sldMk cId="4229735333" sldId="1400"/>
            <ac:spMk id="96" creationId="{BD4CCDC4-5344-763F-0756-AB3A66425D08}"/>
          </ac:spMkLst>
        </pc:spChg>
        <pc:spChg chg="add mod">
          <ac:chgData name="Ogot, Mark Lester" userId="0b3da0ae-959c-459a-985f-9d43681ba7f4" providerId="ADAL" clId="{740736AA-2D8A-477F-8F00-B7CA75F7113B}" dt="2023-02-23T00:26:21.451" v="8214" actId="14100"/>
          <ac:spMkLst>
            <pc:docMk/>
            <pc:sldMk cId="4229735333" sldId="1400"/>
            <ac:spMk id="97" creationId="{81ABFE63-93C9-50FD-B81E-209EBA75F145}"/>
          </ac:spMkLst>
        </pc:spChg>
        <pc:spChg chg="add mod">
          <ac:chgData name="Ogot, Mark Lester" userId="0b3da0ae-959c-459a-985f-9d43681ba7f4" providerId="ADAL" clId="{740736AA-2D8A-477F-8F00-B7CA75F7113B}" dt="2023-02-23T00:26:21.451" v="8214" actId="14100"/>
          <ac:spMkLst>
            <pc:docMk/>
            <pc:sldMk cId="4229735333" sldId="1400"/>
            <ac:spMk id="98" creationId="{891AE534-C76F-999C-A22E-04B06ED1AC6D}"/>
          </ac:spMkLst>
        </pc:spChg>
        <pc:spChg chg="add mod">
          <ac:chgData name="Ogot, Mark Lester" userId="0b3da0ae-959c-459a-985f-9d43681ba7f4" providerId="ADAL" clId="{740736AA-2D8A-477F-8F00-B7CA75F7113B}" dt="2023-02-23T00:26:21.451" v="8214" actId="14100"/>
          <ac:spMkLst>
            <pc:docMk/>
            <pc:sldMk cId="4229735333" sldId="1400"/>
            <ac:spMk id="99" creationId="{C64C8145-0A11-808B-1347-EA22BEA4B323}"/>
          </ac:spMkLst>
        </pc:spChg>
        <pc:spChg chg="add mod">
          <ac:chgData name="Ogot, Mark Lester" userId="0b3da0ae-959c-459a-985f-9d43681ba7f4" providerId="ADAL" clId="{740736AA-2D8A-477F-8F00-B7CA75F7113B}" dt="2023-02-23T00:26:21.451" v="8214" actId="14100"/>
          <ac:spMkLst>
            <pc:docMk/>
            <pc:sldMk cId="4229735333" sldId="1400"/>
            <ac:spMk id="100" creationId="{7DF4C30D-C3F6-A70B-4A62-CAB3BC1516CD}"/>
          </ac:spMkLst>
        </pc:spChg>
        <pc:spChg chg="add mod">
          <ac:chgData name="Ogot, Mark Lester" userId="0b3da0ae-959c-459a-985f-9d43681ba7f4" providerId="ADAL" clId="{740736AA-2D8A-477F-8F00-B7CA75F7113B}" dt="2023-02-23T00:26:21.451" v="8214" actId="14100"/>
          <ac:spMkLst>
            <pc:docMk/>
            <pc:sldMk cId="4229735333" sldId="1400"/>
            <ac:spMk id="101" creationId="{BB1ECF6D-367E-D017-04C1-A2FB0EE9A14D}"/>
          </ac:spMkLst>
        </pc:spChg>
        <pc:spChg chg="add mod">
          <ac:chgData name="Ogot, Mark Lester" userId="0b3da0ae-959c-459a-985f-9d43681ba7f4" providerId="ADAL" clId="{740736AA-2D8A-477F-8F00-B7CA75F7113B}" dt="2023-02-23T00:26:21.451" v="8214" actId="14100"/>
          <ac:spMkLst>
            <pc:docMk/>
            <pc:sldMk cId="4229735333" sldId="1400"/>
            <ac:spMk id="102" creationId="{F2BD6400-E6FE-A63C-AA24-80FF1FB32379}"/>
          </ac:spMkLst>
        </pc:spChg>
        <pc:spChg chg="add mod">
          <ac:chgData name="Ogot, Mark Lester" userId="0b3da0ae-959c-459a-985f-9d43681ba7f4" providerId="ADAL" clId="{740736AA-2D8A-477F-8F00-B7CA75F7113B}" dt="2023-02-23T00:26:21.451" v="8214" actId="14100"/>
          <ac:spMkLst>
            <pc:docMk/>
            <pc:sldMk cId="4229735333" sldId="1400"/>
            <ac:spMk id="103" creationId="{01F7F4A6-97D9-6158-5A9D-8B751E04EEAC}"/>
          </ac:spMkLst>
        </pc:spChg>
        <pc:spChg chg="add del mod">
          <ac:chgData name="Ogot, Mark Lester" userId="0b3da0ae-959c-459a-985f-9d43681ba7f4" providerId="ADAL" clId="{740736AA-2D8A-477F-8F00-B7CA75F7113B}" dt="2023-02-23T00:43:53.590" v="8218" actId="478"/>
          <ac:spMkLst>
            <pc:docMk/>
            <pc:sldMk cId="4229735333" sldId="1400"/>
            <ac:spMk id="104" creationId="{01CB47E3-D4F9-BEBE-2C7C-D57585764DEC}"/>
          </ac:spMkLst>
        </pc:spChg>
        <pc:spChg chg="add mod">
          <ac:chgData name="Ogot, Mark Lester" userId="0b3da0ae-959c-459a-985f-9d43681ba7f4" providerId="ADAL" clId="{740736AA-2D8A-477F-8F00-B7CA75F7113B}" dt="2023-02-23T00:26:21.451" v="8214" actId="14100"/>
          <ac:spMkLst>
            <pc:docMk/>
            <pc:sldMk cId="4229735333" sldId="1400"/>
            <ac:spMk id="105" creationId="{D54E5F6D-1119-0F81-C57C-929A5B1E93E9}"/>
          </ac:spMkLst>
        </pc:spChg>
        <pc:spChg chg="add mod">
          <ac:chgData name="Ogot, Mark Lester" userId="0b3da0ae-959c-459a-985f-9d43681ba7f4" providerId="ADAL" clId="{740736AA-2D8A-477F-8F00-B7CA75F7113B}" dt="2023-02-23T00:26:21.451" v="8214" actId="14100"/>
          <ac:spMkLst>
            <pc:docMk/>
            <pc:sldMk cId="4229735333" sldId="1400"/>
            <ac:spMk id="106" creationId="{42C6CA81-C4F7-C257-984D-257379E8F82E}"/>
          </ac:spMkLst>
        </pc:spChg>
        <pc:spChg chg="add mod">
          <ac:chgData name="Ogot, Mark Lester" userId="0b3da0ae-959c-459a-985f-9d43681ba7f4" providerId="ADAL" clId="{740736AA-2D8A-477F-8F00-B7CA75F7113B}" dt="2023-02-23T00:26:21.451" v="8214" actId="14100"/>
          <ac:spMkLst>
            <pc:docMk/>
            <pc:sldMk cId="4229735333" sldId="1400"/>
            <ac:spMk id="107" creationId="{B0EA4FF0-0E9F-D633-53F4-D3284B4D8B62}"/>
          </ac:spMkLst>
        </pc:spChg>
        <pc:spChg chg="add mod">
          <ac:chgData name="Ogot, Mark Lester" userId="0b3da0ae-959c-459a-985f-9d43681ba7f4" providerId="ADAL" clId="{740736AA-2D8A-477F-8F00-B7CA75F7113B}" dt="2023-02-23T00:26:21.451" v="8214" actId="14100"/>
          <ac:spMkLst>
            <pc:docMk/>
            <pc:sldMk cId="4229735333" sldId="1400"/>
            <ac:spMk id="108" creationId="{C799FE48-3EF9-AFAF-5908-55A8A451EC0B}"/>
          </ac:spMkLst>
        </pc:spChg>
        <pc:spChg chg="add mod">
          <ac:chgData name="Ogot, Mark Lester" userId="0b3da0ae-959c-459a-985f-9d43681ba7f4" providerId="ADAL" clId="{740736AA-2D8A-477F-8F00-B7CA75F7113B}" dt="2023-02-23T00:26:21.451" v="8214" actId="14100"/>
          <ac:spMkLst>
            <pc:docMk/>
            <pc:sldMk cId="4229735333" sldId="1400"/>
            <ac:spMk id="109" creationId="{58FEED82-0073-C582-78EC-B79ABCE1FD88}"/>
          </ac:spMkLst>
        </pc:spChg>
        <pc:spChg chg="add mod">
          <ac:chgData name="Ogot, Mark Lester" userId="0b3da0ae-959c-459a-985f-9d43681ba7f4" providerId="ADAL" clId="{740736AA-2D8A-477F-8F00-B7CA75F7113B}" dt="2023-02-23T00:26:21.451" v="8214" actId="14100"/>
          <ac:spMkLst>
            <pc:docMk/>
            <pc:sldMk cId="4229735333" sldId="1400"/>
            <ac:spMk id="110" creationId="{E5EA6098-8F2F-554A-2B77-0C05CBA35D67}"/>
          </ac:spMkLst>
        </pc:spChg>
        <pc:spChg chg="add mod">
          <ac:chgData name="Ogot, Mark Lester" userId="0b3da0ae-959c-459a-985f-9d43681ba7f4" providerId="ADAL" clId="{740736AA-2D8A-477F-8F00-B7CA75F7113B}" dt="2023-02-23T00:26:21.451" v="8214" actId="14100"/>
          <ac:spMkLst>
            <pc:docMk/>
            <pc:sldMk cId="4229735333" sldId="1400"/>
            <ac:spMk id="111" creationId="{EC40EA14-1FAB-7A7A-384F-8C29FADA1CBE}"/>
          </ac:spMkLst>
        </pc:spChg>
        <pc:spChg chg="add mod">
          <ac:chgData name="Ogot, Mark Lester" userId="0b3da0ae-959c-459a-985f-9d43681ba7f4" providerId="ADAL" clId="{740736AA-2D8A-477F-8F00-B7CA75F7113B}" dt="2023-02-23T00:26:21.451" v="8214" actId="14100"/>
          <ac:spMkLst>
            <pc:docMk/>
            <pc:sldMk cId="4229735333" sldId="1400"/>
            <ac:spMk id="112" creationId="{3F059C51-99C8-8AEF-FC74-3124FE064CA6}"/>
          </ac:spMkLst>
        </pc:spChg>
        <pc:spChg chg="add mod">
          <ac:chgData name="Ogot, Mark Lester" userId="0b3da0ae-959c-459a-985f-9d43681ba7f4" providerId="ADAL" clId="{740736AA-2D8A-477F-8F00-B7CA75F7113B}" dt="2023-02-23T00:26:21.451" v="8214" actId="14100"/>
          <ac:spMkLst>
            <pc:docMk/>
            <pc:sldMk cId="4229735333" sldId="1400"/>
            <ac:spMk id="113" creationId="{7166F045-36D1-915E-CEF7-BAD20F4A782B}"/>
          </ac:spMkLst>
        </pc:spChg>
        <pc:spChg chg="add mod">
          <ac:chgData name="Ogot, Mark Lester" userId="0b3da0ae-959c-459a-985f-9d43681ba7f4" providerId="ADAL" clId="{740736AA-2D8A-477F-8F00-B7CA75F7113B}" dt="2023-02-23T00:26:21.451" v="8214" actId="14100"/>
          <ac:spMkLst>
            <pc:docMk/>
            <pc:sldMk cId="4229735333" sldId="1400"/>
            <ac:spMk id="114" creationId="{4986F675-2681-BAE7-35AE-D677B987C70B}"/>
          </ac:spMkLst>
        </pc:spChg>
        <pc:spChg chg="add mod">
          <ac:chgData name="Ogot, Mark Lester" userId="0b3da0ae-959c-459a-985f-9d43681ba7f4" providerId="ADAL" clId="{740736AA-2D8A-477F-8F00-B7CA75F7113B}" dt="2023-02-23T00:26:21.451" v="8214" actId="14100"/>
          <ac:spMkLst>
            <pc:docMk/>
            <pc:sldMk cId="4229735333" sldId="1400"/>
            <ac:spMk id="115" creationId="{F02B2789-3844-7722-DA53-D89C54CEE6B8}"/>
          </ac:spMkLst>
        </pc:spChg>
        <pc:spChg chg="add mod">
          <ac:chgData name="Ogot, Mark Lester" userId="0b3da0ae-959c-459a-985f-9d43681ba7f4" providerId="ADAL" clId="{740736AA-2D8A-477F-8F00-B7CA75F7113B}" dt="2023-02-23T00:26:21.451" v="8214" actId="14100"/>
          <ac:spMkLst>
            <pc:docMk/>
            <pc:sldMk cId="4229735333" sldId="1400"/>
            <ac:spMk id="116" creationId="{11BAC5C1-2E54-2228-9866-52C4AA76F942}"/>
          </ac:spMkLst>
        </pc:spChg>
        <pc:spChg chg="add mod">
          <ac:chgData name="Ogot, Mark Lester" userId="0b3da0ae-959c-459a-985f-9d43681ba7f4" providerId="ADAL" clId="{740736AA-2D8A-477F-8F00-B7CA75F7113B}" dt="2023-02-23T00:26:21.451" v="8214" actId="14100"/>
          <ac:spMkLst>
            <pc:docMk/>
            <pc:sldMk cId="4229735333" sldId="1400"/>
            <ac:spMk id="117" creationId="{E6B0FE81-32FC-F4E6-564E-DC3F721EEC55}"/>
          </ac:spMkLst>
        </pc:spChg>
        <pc:spChg chg="add mod">
          <ac:chgData name="Ogot, Mark Lester" userId="0b3da0ae-959c-459a-985f-9d43681ba7f4" providerId="ADAL" clId="{740736AA-2D8A-477F-8F00-B7CA75F7113B}" dt="2023-02-23T00:26:21.451" v="8214" actId="14100"/>
          <ac:spMkLst>
            <pc:docMk/>
            <pc:sldMk cId="4229735333" sldId="1400"/>
            <ac:spMk id="118" creationId="{C9E26095-B550-189B-0A09-058A130F4825}"/>
          </ac:spMkLst>
        </pc:spChg>
        <pc:spChg chg="add mod">
          <ac:chgData name="Ogot, Mark Lester" userId="0b3da0ae-959c-459a-985f-9d43681ba7f4" providerId="ADAL" clId="{740736AA-2D8A-477F-8F00-B7CA75F7113B}" dt="2023-02-23T00:26:21.451" v="8214" actId="14100"/>
          <ac:spMkLst>
            <pc:docMk/>
            <pc:sldMk cId="4229735333" sldId="1400"/>
            <ac:spMk id="119" creationId="{C873968F-1BEF-2285-78C1-88D9D0D872F4}"/>
          </ac:spMkLst>
        </pc:spChg>
        <pc:spChg chg="add mod">
          <ac:chgData name="Ogot, Mark Lester" userId="0b3da0ae-959c-459a-985f-9d43681ba7f4" providerId="ADAL" clId="{740736AA-2D8A-477F-8F00-B7CA75F7113B}" dt="2023-02-23T00:26:21.451" v="8214" actId="14100"/>
          <ac:spMkLst>
            <pc:docMk/>
            <pc:sldMk cId="4229735333" sldId="1400"/>
            <ac:spMk id="120" creationId="{5287E773-3636-E096-B00C-DFEFBCACF380}"/>
          </ac:spMkLst>
        </pc:spChg>
        <pc:spChg chg="add mod">
          <ac:chgData name="Ogot, Mark Lester" userId="0b3da0ae-959c-459a-985f-9d43681ba7f4" providerId="ADAL" clId="{740736AA-2D8A-477F-8F00-B7CA75F7113B}" dt="2023-02-23T00:26:21.451" v="8214" actId="14100"/>
          <ac:spMkLst>
            <pc:docMk/>
            <pc:sldMk cId="4229735333" sldId="1400"/>
            <ac:spMk id="122" creationId="{41C29BDC-EEEC-8126-4AE3-2753D5CBEF66}"/>
          </ac:spMkLst>
        </pc:spChg>
        <pc:spChg chg="add mod">
          <ac:chgData name="Ogot, Mark Lester" userId="0b3da0ae-959c-459a-985f-9d43681ba7f4" providerId="ADAL" clId="{740736AA-2D8A-477F-8F00-B7CA75F7113B}" dt="2023-02-23T00:26:21.451" v="8214" actId="14100"/>
          <ac:spMkLst>
            <pc:docMk/>
            <pc:sldMk cId="4229735333" sldId="1400"/>
            <ac:spMk id="123" creationId="{81933173-C7BA-33E0-1F49-19CFA20DDDE6}"/>
          </ac:spMkLst>
        </pc:spChg>
        <pc:spChg chg="add mod">
          <ac:chgData name="Ogot, Mark Lester" userId="0b3da0ae-959c-459a-985f-9d43681ba7f4" providerId="ADAL" clId="{740736AA-2D8A-477F-8F00-B7CA75F7113B}" dt="2023-02-23T00:26:21.451" v="8214" actId="14100"/>
          <ac:spMkLst>
            <pc:docMk/>
            <pc:sldMk cId="4229735333" sldId="1400"/>
            <ac:spMk id="125" creationId="{7E477B82-A8BF-6725-3D0C-B3E97BCC8FD6}"/>
          </ac:spMkLst>
        </pc:spChg>
        <pc:spChg chg="add mod">
          <ac:chgData name="Ogot, Mark Lester" userId="0b3da0ae-959c-459a-985f-9d43681ba7f4" providerId="ADAL" clId="{740736AA-2D8A-477F-8F00-B7CA75F7113B}" dt="2023-02-23T03:51:01.560" v="8268" actId="1036"/>
          <ac:spMkLst>
            <pc:docMk/>
            <pc:sldMk cId="4229735333" sldId="1400"/>
            <ac:spMk id="126" creationId="{38876DFF-52DE-A6A4-9A44-F430FCC44998}"/>
          </ac:spMkLst>
        </pc:spChg>
        <pc:spChg chg="add mod">
          <ac:chgData name="Ogot, Mark Lester" userId="0b3da0ae-959c-459a-985f-9d43681ba7f4" providerId="ADAL" clId="{740736AA-2D8A-477F-8F00-B7CA75F7113B}" dt="2023-02-23T00:26:21.451" v="8214" actId="14100"/>
          <ac:spMkLst>
            <pc:docMk/>
            <pc:sldMk cId="4229735333" sldId="1400"/>
            <ac:spMk id="128" creationId="{B2AF7FEE-586E-CFEE-2019-2409596385ED}"/>
          </ac:spMkLst>
        </pc:spChg>
        <pc:spChg chg="add mod">
          <ac:chgData name="Ogot, Mark Lester" userId="0b3da0ae-959c-459a-985f-9d43681ba7f4" providerId="ADAL" clId="{740736AA-2D8A-477F-8F00-B7CA75F7113B}" dt="2023-02-23T00:26:21.451" v="8214" actId="14100"/>
          <ac:spMkLst>
            <pc:docMk/>
            <pc:sldMk cId="4229735333" sldId="1400"/>
            <ac:spMk id="129" creationId="{780C7D38-95D0-F47F-7DE2-2C9234682455}"/>
          </ac:spMkLst>
        </pc:spChg>
        <pc:spChg chg="add mod">
          <ac:chgData name="Ogot, Mark Lester" userId="0b3da0ae-959c-459a-985f-9d43681ba7f4" providerId="ADAL" clId="{740736AA-2D8A-477F-8F00-B7CA75F7113B}" dt="2023-02-23T00:26:21.451" v="8214" actId="14100"/>
          <ac:spMkLst>
            <pc:docMk/>
            <pc:sldMk cId="4229735333" sldId="1400"/>
            <ac:spMk id="130" creationId="{E02D3D48-06CE-48EB-8AB4-7A8AAC82B680}"/>
          </ac:spMkLst>
        </pc:spChg>
        <pc:spChg chg="add mod">
          <ac:chgData name="Ogot, Mark Lester" userId="0b3da0ae-959c-459a-985f-9d43681ba7f4" providerId="ADAL" clId="{740736AA-2D8A-477F-8F00-B7CA75F7113B}" dt="2023-02-23T00:26:21.451" v="8214" actId="14100"/>
          <ac:spMkLst>
            <pc:docMk/>
            <pc:sldMk cId="4229735333" sldId="1400"/>
            <ac:spMk id="131" creationId="{885DDB77-6327-E559-A307-4473E974D442}"/>
          </ac:spMkLst>
        </pc:spChg>
        <pc:spChg chg="add mod">
          <ac:chgData name="Ogot, Mark Lester" userId="0b3da0ae-959c-459a-985f-9d43681ba7f4" providerId="ADAL" clId="{740736AA-2D8A-477F-8F00-B7CA75F7113B}" dt="2023-02-23T00:26:21.451" v="8214" actId="14100"/>
          <ac:spMkLst>
            <pc:docMk/>
            <pc:sldMk cId="4229735333" sldId="1400"/>
            <ac:spMk id="132" creationId="{BE1C0B42-59C0-E76D-8557-A9EAE7B505B2}"/>
          </ac:spMkLst>
        </pc:spChg>
        <pc:spChg chg="add mod">
          <ac:chgData name="Ogot, Mark Lester" userId="0b3da0ae-959c-459a-985f-9d43681ba7f4" providerId="ADAL" clId="{740736AA-2D8A-477F-8F00-B7CA75F7113B}" dt="2023-02-23T00:26:21.451" v="8214" actId="14100"/>
          <ac:spMkLst>
            <pc:docMk/>
            <pc:sldMk cId="4229735333" sldId="1400"/>
            <ac:spMk id="133" creationId="{A69C2875-2561-218F-FF76-E8282AC5F694}"/>
          </ac:spMkLst>
        </pc:spChg>
        <pc:spChg chg="add mod">
          <ac:chgData name="Ogot, Mark Lester" userId="0b3da0ae-959c-459a-985f-9d43681ba7f4" providerId="ADAL" clId="{740736AA-2D8A-477F-8F00-B7CA75F7113B}" dt="2023-02-23T00:26:21.451" v="8214" actId="14100"/>
          <ac:spMkLst>
            <pc:docMk/>
            <pc:sldMk cId="4229735333" sldId="1400"/>
            <ac:spMk id="134" creationId="{1894BDAD-7435-FE06-B7BF-0AA24795F805}"/>
          </ac:spMkLst>
        </pc:spChg>
        <pc:spChg chg="add mod">
          <ac:chgData name="Ogot, Mark Lester" userId="0b3da0ae-959c-459a-985f-9d43681ba7f4" providerId="ADAL" clId="{740736AA-2D8A-477F-8F00-B7CA75F7113B}" dt="2023-02-23T00:26:21.451" v="8214" actId="14100"/>
          <ac:spMkLst>
            <pc:docMk/>
            <pc:sldMk cId="4229735333" sldId="1400"/>
            <ac:spMk id="135" creationId="{1C8AC600-24A2-9DF7-B4E3-BCDD0B94BA29}"/>
          </ac:spMkLst>
        </pc:spChg>
        <pc:spChg chg="add mod">
          <ac:chgData name="Ogot, Mark Lester" userId="0b3da0ae-959c-459a-985f-9d43681ba7f4" providerId="ADAL" clId="{740736AA-2D8A-477F-8F00-B7CA75F7113B}" dt="2023-02-23T00:26:21.451" v="8214" actId="14100"/>
          <ac:spMkLst>
            <pc:docMk/>
            <pc:sldMk cId="4229735333" sldId="1400"/>
            <ac:spMk id="137" creationId="{FA640159-173D-7E72-8C63-4040D21E4D36}"/>
          </ac:spMkLst>
        </pc:spChg>
        <pc:spChg chg="add mod">
          <ac:chgData name="Ogot, Mark Lester" userId="0b3da0ae-959c-459a-985f-9d43681ba7f4" providerId="ADAL" clId="{740736AA-2D8A-477F-8F00-B7CA75F7113B}" dt="2023-02-23T00:26:21.451" v="8214" actId="14100"/>
          <ac:spMkLst>
            <pc:docMk/>
            <pc:sldMk cId="4229735333" sldId="1400"/>
            <ac:spMk id="138" creationId="{1656D67F-A3EB-391C-F0F4-6640E9A4E131}"/>
          </ac:spMkLst>
        </pc:spChg>
        <pc:spChg chg="add mod">
          <ac:chgData name="Ogot, Mark Lester" userId="0b3da0ae-959c-459a-985f-9d43681ba7f4" providerId="ADAL" clId="{740736AA-2D8A-477F-8F00-B7CA75F7113B}" dt="2023-02-23T00:26:21.451" v="8214" actId="14100"/>
          <ac:spMkLst>
            <pc:docMk/>
            <pc:sldMk cId="4229735333" sldId="1400"/>
            <ac:spMk id="140" creationId="{665C2DAE-9253-8E2F-BE6C-3EA9FDFB44AE}"/>
          </ac:spMkLst>
        </pc:spChg>
        <pc:spChg chg="add mod">
          <ac:chgData name="Ogot, Mark Lester" userId="0b3da0ae-959c-459a-985f-9d43681ba7f4" providerId="ADAL" clId="{740736AA-2D8A-477F-8F00-B7CA75F7113B}" dt="2023-02-23T00:26:21.451" v="8214" actId="14100"/>
          <ac:spMkLst>
            <pc:docMk/>
            <pc:sldMk cId="4229735333" sldId="1400"/>
            <ac:spMk id="141" creationId="{044860A5-C53F-931F-7801-A9C3853910FD}"/>
          </ac:spMkLst>
        </pc:spChg>
        <pc:spChg chg="add mod">
          <ac:chgData name="Ogot, Mark Lester" userId="0b3da0ae-959c-459a-985f-9d43681ba7f4" providerId="ADAL" clId="{740736AA-2D8A-477F-8F00-B7CA75F7113B}" dt="2023-02-23T00:12:56.672" v="8158" actId="1076"/>
          <ac:spMkLst>
            <pc:docMk/>
            <pc:sldMk cId="4229735333" sldId="1400"/>
            <ac:spMk id="147" creationId="{60E06316-E047-020B-CB2F-3B919B4DD8DF}"/>
          </ac:spMkLst>
        </pc:spChg>
        <pc:grpChg chg="add mod">
          <ac:chgData name="Ogot, Mark Lester" userId="0b3da0ae-959c-459a-985f-9d43681ba7f4" providerId="ADAL" clId="{740736AA-2D8A-477F-8F00-B7CA75F7113B}" dt="2023-02-23T00:26:21.451" v="8214" actId="14100"/>
          <ac:grpSpMkLst>
            <pc:docMk/>
            <pc:sldMk cId="4229735333" sldId="1400"/>
            <ac:grpSpMk id="146" creationId="{1E69BBEE-1215-A44C-88F1-7008DF10C745}"/>
          </ac:grpSpMkLst>
        </pc:grpChg>
        <pc:graphicFrameChg chg="del mod modGraphic">
          <ac:chgData name="Ogot, Mark Lester" userId="0b3da0ae-959c-459a-985f-9d43681ba7f4" providerId="ADAL" clId="{740736AA-2D8A-477F-8F00-B7CA75F7113B}" dt="2023-02-22T09:43:30.318" v="5730" actId="478"/>
          <ac:graphicFrameMkLst>
            <pc:docMk/>
            <pc:sldMk cId="4229735333" sldId="1400"/>
            <ac:graphicFrameMk id="2" creationId="{207A6D4A-0CA1-A01B-1459-3212C5262413}"/>
          </ac:graphicFrameMkLst>
        </pc:graphicFrameChg>
        <pc:graphicFrameChg chg="add del mod modGraphic">
          <ac:chgData name="Ogot, Mark Lester" userId="0b3da0ae-959c-459a-985f-9d43681ba7f4" providerId="ADAL" clId="{740736AA-2D8A-477F-8F00-B7CA75F7113B}" dt="2023-02-22T06:26:18.855" v="5582" actId="478"/>
          <ac:graphicFrameMkLst>
            <pc:docMk/>
            <pc:sldMk cId="4229735333" sldId="1400"/>
            <ac:graphicFrameMk id="3" creationId="{68DCCC03-7A74-C0AB-2901-B2C3B27867BC}"/>
          </ac:graphicFrameMkLst>
        </pc:graphicFrameChg>
        <pc:cxnChg chg="del">
          <ac:chgData name="Ogot, Mark Lester" userId="0b3da0ae-959c-459a-985f-9d43681ba7f4" providerId="ADAL" clId="{740736AA-2D8A-477F-8F00-B7CA75F7113B}" dt="2023-02-22T06:25:46.712" v="5578" actId="478"/>
          <ac:cxnSpMkLst>
            <pc:docMk/>
            <pc:sldMk cId="4229735333" sldId="1400"/>
            <ac:cxnSpMk id="10" creationId="{51F3F50E-5E49-F877-660C-6E58F67A0736}"/>
          </ac:cxnSpMkLst>
        </pc:cxnChg>
        <pc:cxnChg chg="add del">
          <ac:chgData name="Ogot, Mark Lester" userId="0b3da0ae-959c-459a-985f-9d43681ba7f4" providerId="ADAL" clId="{740736AA-2D8A-477F-8F00-B7CA75F7113B}" dt="2023-02-22T06:30:07.766" v="5589" actId="478"/>
          <ac:cxnSpMkLst>
            <pc:docMk/>
            <pc:sldMk cId="4229735333" sldId="1400"/>
            <ac:cxnSpMk id="11" creationId="{35447584-7A80-2FAD-5D23-18E7C206E55A}"/>
          </ac:cxnSpMkLst>
        </pc:cxnChg>
        <pc:cxnChg chg="del">
          <ac:chgData name="Ogot, Mark Lester" userId="0b3da0ae-959c-459a-985f-9d43681ba7f4" providerId="ADAL" clId="{740736AA-2D8A-477F-8F00-B7CA75F7113B}" dt="2023-02-23T00:26:02.524" v="8209" actId="478"/>
          <ac:cxnSpMkLst>
            <pc:docMk/>
            <pc:sldMk cId="4229735333" sldId="1400"/>
            <ac:cxnSpMk id="12" creationId="{E491CAEF-7453-0D16-C74A-DE0D4D9CE8C6}"/>
          </ac:cxnSpMkLst>
        </pc:cxnChg>
        <pc:cxnChg chg="add del mod">
          <ac:chgData name="Ogot, Mark Lester" userId="0b3da0ae-959c-459a-985f-9d43681ba7f4" providerId="ADAL" clId="{740736AA-2D8A-477F-8F00-B7CA75F7113B}" dt="2023-02-22T06:30:06.071" v="5588" actId="478"/>
          <ac:cxnSpMkLst>
            <pc:docMk/>
            <pc:sldMk cId="4229735333" sldId="1400"/>
            <ac:cxnSpMk id="13" creationId="{BA6953AA-9750-4E21-827C-C231FBA093CB}"/>
          </ac:cxnSpMkLst>
        </pc:cxnChg>
        <pc:cxnChg chg="add del mod">
          <ac:chgData name="Ogot, Mark Lester" userId="0b3da0ae-959c-459a-985f-9d43681ba7f4" providerId="ADAL" clId="{740736AA-2D8A-477F-8F00-B7CA75F7113B}" dt="2023-02-22T06:33:05.265" v="5591"/>
          <ac:cxnSpMkLst>
            <pc:docMk/>
            <pc:sldMk cId="4229735333" sldId="1400"/>
            <ac:cxnSpMk id="15" creationId="{5701061C-5B72-4BEA-2F2D-7FBA50E322D0}"/>
          </ac:cxnSpMkLst>
        </pc:cxnChg>
        <pc:cxnChg chg="add del mod">
          <ac:chgData name="Ogot, Mark Lester" userId="0b3da0ae-959c-459a-985f-9d43681ba7f4" providerId="ADAL" clId="{740736AA-2D8A-477F-8F00-B7CA75F7113B}" dt="2023-02-22T06:33:05.265" v="5591"/>
          <ac:cxnSpMkLst>
            <pc:docMk/>
            <pc:sldMk cId="4229735333" sldId="1400"/>
            <ac:cxnSpMk id="16" creationId="{1CA81CE0-0621-E6F6-121C-DAD6E5846897}"/>
          </ac:cxnSpMkLst>
        </pc:cxnChg>
        <pc:cxnChg chg="del">
          <ac:chgData name="Ogot, Mark Lester" userId="0b3da0ae-959c-459a-985f-9d43681ba7f4" providerId="ADAL" clId="{740736AA-2D8A-477F-8F00-B7CA75F7113B}" dt="2023-02-23T00:26:03.538" v="8210" actId="478"/>
          <ac:cxnSpMkLst>
            <pc:docMk/>
            <pc:sldMk cId="4229735333" sldId="1400"/>
            <ac:cxnSpMk id="17" creationId="{3C0A6619-340F-7CB3-DDA4-16B9BADE4D48}"/>
          </ac:cxnSpMkLst>
        </pc:cxnChg>
        <pc:cxnChg chg="del">
          <ac:chgData name="Ogot, Mark Lester" userId="0b3da0ae-959c-459a-985f-9d43681ba7f4" providerId="ADAL" clId="{740736AA-2D8A-477F-8F00-B7CA75F7113B}" dt="2023-02-23T00:26:04.649" v="8211" actId="478"/>
          <ac:cxnSpMkLst>
            <pc:docMk/>
            <pc:sldMk cId="4229735333" sldId="1400"/>
            <ac:cxnSpMk id="18" creationId="{26B81832-76BE-DBB9-B98E-E7C6364BE2CB}"/>
          </ac:cxnSpMkLst>
        </pc:cxnChg>
        <pc:cxnChg chg="add del mod">
          <ac:chgData name="Ogot, Mark Lester" userId="0b3da0ae-959c-459a-985f-9d43681ba7f4" providerId="ADAL" clId="{740736AA-2D8A-477F-8F00-B7CA75F7113B}" dt="2023-02-22T06:33:05.265" v="5591"/>
          <ac:cxnSpMkLst>
            <pc:docMk/>
            <pc:sldMk cId="4229735333" sldId="1400"/>
            <ac:cxnSpMk id="19" creationId="{D58F52E2-4A47-99F9-26A2-60C9AC76489D}"/>
          </ac:cxnSpMkLst>
        </pc:cxnChg>
        <pc:cxnChg chg="add del mod">
          <ac:chgData name="Ogot, Mark Lester" userId="0b3da0ae-959c-459a-985f-9d43681ba7f4" providerId="ADAL" clId="{740736AA-2D8A-477F-8F00-B7CA75F7113B}" dt="2023-02-22T06:33:05.265" v="5591"/>
          <ac:cxnSpMkLst>
            <pc:docMk/>
            <pc:sldMk cId="4229735333" sldId="1400"/>
            <ac:cxnSpMk id="20" creationId="{CAF8AF10-40B0-47F8-9CE6-3D1E92129DF1}"/>
          </ac:cxnSpMkLst>
        </pc:cxnChg>
        <pc:cxnChg chg="del">
          <ac:chgData name="Ogot, Mark Lester" userId="0b3da0ae-959c-459a-985f-9d43681ba7f4" providerId="ADAL" clId="{740736AA-2D8A-477F-8F00-B7CA75F7113B}" dt="2023-02-23T00:26:05.117" v="8212" actId="478"/>
          <ac:cxnSpMkLst>
            <pc:docMk/>
            <pc:sldMk cId="4229735333" sldId="1400"/>
            <ac:cxnSpMk id="21" creationId="{BC16FFB4-5FE7-BB3F-82DB-3D3C4AC315EA}"/>
          </ac:cxnSpMkLst>
        </pc:cxnChg>
        <pc:cxnChg chg="add del mod">
          <ac:chgData name="Ogot, Mark Lester" userId="0b3da0ae-959c-459a-985f-9d43681ba7f4" providerId="ADAL" clId="{740736AA-2D8A-477F-8F00-B7CA75F7113B}" dt="2023-02-22T06:33:05.265" v="5591"/>
          <ac:cxnSpMkLst>
            <pc:docMk/>
            <pc:sldMk cId="4229735333" sldId="1400"/>
            <ac:cxnSpMk id="22" creationId="{4E995F26-B7C0-8A59-3D4B-6DF5CC7C903B}"/>
          </ac:cxnSpMkLst>
        </pc:cxnChg>
        <pc:cxnChg chg="add del mod">
          <ac:chgData name="Ogot, Mark Lester" userId="0b3da0ae-959c-459a-985f-9d43681ba7f4" providerId="ADAL" clId="{740736AA-2D8A-477F-8F00-B7CA75F7113B}" dt="2023-02-22T06:33:05.265" v="5591"/>
          <ac:cxnSpMkLst>
            <pc:docMk/>
            <pc:sldMk cId="4229735333" sldId="1400"/>
            <ac:cxnSpMk id="23" creationId="{8A8888B0-8E5F-D69F-DB29-759FE9C89058}"/>
          </ac:cxnSpMkLst>
        </pc:cxnChg>
        <pc:cxnChg chg="add del mod">
          <ac:chgData name="Ogot, Mark Lester" userId="0b3da0ae-959c-459a-985f-9d43681ba7f4" providerId="ADAL" clId="{740736AA-2D8A-477F-8F00-B7CA75F7113B}" dt="2023-02-22T06:33:05.265" v="5591"/>
          <ac:cxnSpMkLst>
            <pc:docMk/>
            <pc:sldMk cId="4229735333" sldId="1400"/>
            <ac:cxnSpMk id="24" creationId="{53B9EE79-02B7-215F-047F-6B00DDD633F5}"/>
          </ac:cxnSpMkLst>
        </pc:cxnChg>
        <pc:cxnChg chg="add del mod">
          <ac:chgData name="Ogot, Mark Lester" userId="0b3da0ae-959c-459a-985f-9d43681ba7f4" providerId="ADAL" clId="{740736AA-2D8A-477F-8F00-B7CA75F7113B}" dt="2023-02-22T06:33:05.265" v="5591"/>
          <ac:cxnSpMkLst>
            <pc:docMk/>
            <pc:sldMk cId="4229735333" sldId="1400"/>
            <ac:cxnSpMk id="25" creationId="{454BA16A-3869-F33B-9B82-988DC0573514}"/>
          </ac:cxnSpMkLst>
        </pc:cxnChg>
        <pc:cxnChg chg="add del mod">
          <ac:chgData name="Ogot, Mark Lester" userId="0b3da0ae-959c-459a-985f-9d43681ba7f4" providerId="ADAL" clId="{740736AA-2D8A-477F-8F00-B7CA75F7113B}" dt="2023-02-22T06:33:05.265" v="5591"/>
          <ac:cxnSpMkLst>
            <pc:docMk/>
            <pc:sldMk cId="4229735333" sldId="1400"/>
            <ac:cxnSpMk id="29" creationId="{41FC6A57-37A8-4BE5-4582-ABF913D585AB}"/>
          </ac:cxnSpMkLst>
        </pc:cxnChg>
        <pc:cxnChg chg="add mod">
          <ac:chgData name="Ogot, Mark Lester" userId="0b3da0ae-959c-459a-985f-9d43681ba7f4" providerId="ADAL" clId="{740736AA-2D8A-477F-8F00-B7CA75F7113B}" dt="2023-02-23T00:26:21.451" v="8214" actId="14100"/>
          <ac:cxnSpMkLst>
            <pc:docMk/>
            <pc:sldMk cId="4229735333" sldId="1400"/>
            <ac:cxnSpMk id="84" creationId="{524A8742-D381-B563-F85B-2E9F0A7D71FC}"/>
          </ac:cxnSpMkLst>
        </pc:cxnChg>
        <pc:cxnChg chg="add mod">
          <ac:chgData name="Ogot, Mark Lester" userId="0b3da0ae-959c-459a-985f-9d43681ba7f4" providerId="ADAL" clId="{740736AA-2D8A-477F-8F00-B7CA75F7113B}" dt="2023-02-23T00:26:21.451" v="8214" actId="14100"/>
          <ac:cxnSpMkLst>
            <pc:docMk/>
            <pc:sldMk cId="4229735333" sldId="1400"/>
            <ac:cxnSpMk id="85" creationId="{27FB8159-B1C4-7B0C-C5E3-922E4B4B617C}"/>
          </ac:cxnSpMkLst>
        </pc:cxnChg>
        <pc:cxnChg chg="add mod">
          <ac:chgData name="Ogot, Mark Lester" userId="0b3da0ae-959c-459a-985f-9d43681ba7f4" providerId="ADAL" clId="{740736AA-2D8A-477F-8F00-B7CA75F7113B}" dt="2023-02-23T00:26:21.451" v="8214" actId="14100"/>
          <ac:cxnSpMkLst>
            <pc:docMk/>
            <pc:sldMk cId="4229735333" sldId="1400"/>
            <ac:cxnSpMk id="86" creationId="{11A756AB-1C9E-3E01-8502-8E30519D9AA7}"/>
          </ac:cxnSpMkLst>
        </pc:cxnChg>
        <pc:cxnChg chg="add mod">
          <ac:chgData name="Ogot, Mark Lester" userId="0b3da0ae-959c-459a-985f-9d43681ba7f4" providerId="ADAL" clId="{740736AA-2D8A-477F-8F00-B7CA75F7113B}" dt="2023-02-23T00:26:21.451" v="8214" actId="14100"/>
          <ac:cxnSpMkLst>
            <pc:docMk/>
            <pc:sldMk cId="4229735333" sldId="1400"/>
            <ac:cxnSpMk id="87" creationId="{3FF7AE3A-C444-98ED-B353-37DABF8C9ABD}"/>
          </ac:cxnSpMkLst>
        </pc:cxnChg>
        <pc:cxnChg chg="add mod">
          <ac:chgData name="Ogot, Mark Lester" userId="0b3da0ae-959c-459a-985f-9d43681ba7f4" providerId="ADAL" clId="{740736AA-2D8A-477F-8F00-B7CA75F7113B}" dt="2023-02-23T00:26:21.451" v="8214" actId="14100"/>
          <ac:cxnSpMkLst>
            <pc:docMk/>
            <pc:sldMk cId="4229735333" sldId="1400"/>
            <ac:cxnSpMk id="88" creationId="{F1FFDBA6-2C6E-9B3C-E51F-942BF3BA6FB7}"/>
          </ac:cxnSpMkLst>
        </pc:cxnChg>
        <pc:cxnChg chg="add mod">
          <ac:chgData name="Ogot, Mark Lester" userId="0b3da0ae-959c-459a-985f-9d43681ba7f4" providerId="ADAL" clId="{740736AA-2D8A-477F-8F00-B7CA75F7113B}" dt="2023-02-23T00:26:21.451" v="8214" actId="14100"/>
          <ac:cxnSpMkLst>
            <pc:docMk/>
            <pc:sldMk cId="4229735333" sldId="1400"/>
            <ac:cxnSpMk id="89" creationId="{622D4921-80ED-FB16-3D09-952AFB7107E3}"/>
          </ac:cxnSpMkLst>
        </pc:cxnChg>
        <pc:cxnChg chg="add mod">
          <ac:chgData name="Ogot, Mark Lester" userId="0b3da0ae-959c-459a-985f-9d43681ba7f4" providerId="ADAL" clId="{740736AA-2D8A-477F-8F00-B7CA75F7113B}" dt="2023-02-23T00:43:25.073" v="8215" actId="1582"/>
          <ac:cxnSpMkLst>
            <pc:docMk/>
            <pc:sldMk cId="4229735333" sldId="1400"/>
            <ac:cxnSpMk id="121" creationId="{69A6EBBC-0CA4-5E37-0F95-E651470E8331}"/>
          </ac:cxnSpMkLst>
        </pc:cxnChg>
        <pc:cxnChg chg="add mod">
          <ac:chgData name="Ogot, Mark Lester" userId="0b3da0ae-959c-459a-985f-9d43681ba7f4" providerId="ADAL" clId="{740736AA-2D8A-477F-8F00-B7CA75F7113B}" dt="2023-02-23T03:51:01.560" v="8268" actId="1036"/>
          <ac:cxnSpMkLst>
            <pc:docMk/>
            <pc:sldMk cId="4229735333" sldId="1400"/>
            <ac:cxnSpMk id="124" creationId="{BE508213-F03B-7A08-891E-E0107FC01D80}"/>
          </ac:cxnSpMkLst>
        </pc:cxnChg>
        <pc:cxnChg chg="add mod">
          <ac:chgData name="Ogot, Mark Lester" userId="0b3da0ae-959c-459a-985f-9d43681ba7f4" providerId="ADAL" clId="{740736AA-2D8A-477F-8F00-B7CA75F7113B}" dt="2023-02-23T00:43:34.421" v="8216" actId="1582"/>
          <ac:cxnSpMkLst>
            <pc:docMk/>
            <pc:sldMk cId="4229735333" sldId="1400"/>
            <ac:cxnSpMk id="127" creationId="{DD2BAF8E-22C3-D5BF-C9D9-F6D63EA5FCA4}"/>
          </ac:cxnSpMkLst>
        </pc:cxnChg>
        <pc:cxnChg chg="add mod">
          <ac:chgData name="Ogot, Mark Lester" userId="0b3da0ae-959c-459a-985f-9d43681ba7f4" providerId="ADAL" clId="{740736AA-2D8A-477F-8F00-B7CA75F7113B}" dt="2023-02-23T00:43:34.421" v="8216" actId="1582"/>
          <ac:cxnSpMkLst>
            <pc:docMk/>
            <pc:sldMk cId="4229735333" sldId="1400"/>
            <ac:cxnSpMk id="136" creationId="{CE80CAB9-2050-1D5B-EFE7-C3DC89EC2CFC}"/>
          </ac:cxnSpMkLst>
        </pc:cxnChg>
        <pc:cxnChg chg="add mod">
          <ac:chgData name="Ogot, Mark Lester" userId="0b3da0ae-959c-459a-985f-9d43681ba7f4" providerId="ADAL" clId="{740736AA-2D8A-477F-8F00-B7CA75F7113B}" dt="2023-02-23T00:43:34.421" v="8216" actId="1582"/>
          <ac:cxnSpMkLst>
            <pc:docMk/>
            <pc:sldMk cId="4229735333" sldId="1400"/>
            <ac:cxnSpMk id="139" creationId="{DC275898-218E-60F4-817C-24A01142A968}"/>
          </ac:cxnSpMkLst>
        </pc:cxnChg>
      </pc:sldChg>
      <pc:sldChg chg="add del mod ord modShow">
        <pc:chgData name="Ogot, Mark Lester" userId="0b3da0ae-959c-459a-985f-9d43681ba7f4" providerId="ADAL" clId="{740736AA-2D8A-477F-8F00-B7CA75F7113B}" dt="2023-02-26T05:12:24.953" v="8273" actId="47"/>
        <pc:sldMkLst>
          <pc:docMk/>
          <pc:sldMk cId="2356219260" sldId="1401"/>
        </pc:sldMkLst>
      </pc:sldChg>
      <pc:sldChg chg="addSp delSp modSp new del mod">
        <pc:chgData name="Ogot, Mark Lester" userId="0b3da0ae-959c-459a-985f-9d43681ba7f4" providerId="ADAL" clId="{740736AA-2D8A-477F-8F00-B7CA75F7113B}" dt="2023-02-22T06:46:56.599" v="5618" actId="47"/>
        <pc:sldMkLst>
          <pc:docMk/>
          <pc:sldMk cId="299028246" sldId="1402"/>
        </pc:sldMkLst>
        <pc:spChg chg="del">
          <ac:chgData name="Ogot, Mark Lester" userId="0b3da0ae-959c-459a-985f-9d43681ba7f4" providerId="ADAL" clId="{740736AA-2D8A-477F-8F00-B7CA75F7113B}" dt="2023-02-22T06:33:10.252" v="5593" actId="478"/>
          <ac:spMkLst>
            <pc:docMk/>
            <pc:sldMk cId="299028246" sldId="1402"/>
            <ac:spMk id="2" creationId="{66784EDE-83A1-FD38-03B7-E6EA8C649130}"/>
          </ac:spMkLst>
        </pc:spChg>
        <pc:spChg chg="del">
          <ac:chgData name="Ogot, Mark Lester" userId="0b3da0ae-959c-459a-985f-9d43681ba7f4" providerId="ADAL" clId="{740736AA-2D8A-477F-8F00-B7CA75F7113B}" dt="2023-02-22T06:33:11.857" v="5594" actId="478"/>
          <ac:spMkLst>
            <pc:docMk/>
            <pc:sldMk cId="299028246" sldId="1402"/>
            <ac:spMk id="3" creationId="{70120A03-182E-788A-55D0-47C8464E09C9}"/>
          </ac:spMkLst>
        </pc:spChg>
        <pc:spChg chg="add mod">
          <ac:chgData name="Ogot, Mark Lester" userId="0b3da0ae-959c-459a-985f-9d43681ba7f4" providerId="ADAL" clId="{740736AA-2D8A-477F-8F00-B7CA75F7113B}" dt="2023-02-22T06:34:54.996" v="5617" actId="1076"/>
          <ac:spMkLst>
            <pc:docMk/>
            <pc:sldMk cId="299028246" sldId="1402"/>
            <ac:spMk id="12" creationId="{D63B54F0-2CD3-94FE-FD8D-1E2DB4028123}"/>
          </ac:spMkLst>
        </pc:spChg>
        <pc:spChg chg="add mod">
          <ac:chgData name="Ogot, Mark Lester" userId="0b3da0ae-959c-459a-985f-9d43681ba7f4" providerId="ADAL" clId="{740736AA-2D8A-477F-8F00-B7CA75F7113B}" dt="2023-02-22T06:34:54.996" v="5617" actId="1076"/>
          <ac:spMkLst>
            <pc:docMk/>
            <pc:sldMk cId="299028246" sldId="1402"/>
            <ac:spMk id="13" creationId="{A720F40B-0670-5005-EE87-2AB14C5DEF3C}"/>
          </ac:spMkLst>
        </pc:spChg>
        <pc:spChg chg="add mod">
          <ac:chgData name="Ogot, Mark Lester" userId="0b3da0ae-959c-459a-985f-9d43681ba7f4" providerId="ADAL" clId="{740736AA-2D8A-477F-8F00-B7CA75F7113B}" dt="2023-02-22T06:34:54.996" v="5617" actId="1076"/>
          <ac:spMkLst>
            <pc:docMk/>
            <pc:sldMk cId="299028246" sldId="1402"/>
            <ac:spMk id="14" creationId="{3F4596A9-37F8-5D8F-8CD6-1716D91B97C7}"/>
          </ac:spMkLst>
        </pc:spChg>
        <pc:spChg chg="add mod">
          <ac:chgData name="Ogot, Mark Lester" userId="0b3da0ae-959c-459a-985f-9d43681ba7f4" providerId="ADAL" clId="{740736AA-2D8A-477F-8F00-B7CA75F7113B}" dt="2023-02-22T06:34:54.996" v="5617" actId="1076"/>
          <ac:spMkLst>
            <pc:docMk/>
            <pc:sldMk cId="299028246" sldId="1402"/>
            <ac:spMk id="16" creationId="{303FF6AF-3BB6-0193-AC16-55FEF1440708}"/>
          </ac:spMkLst>
        </pc:spChg>
        <pc:spChg chg="add mod">
          <ac:chgData name="Ogot, Mark Lester" userId="0b3da0ae-959c-459a-985f-9d43681ba7f4" providerId="ADAL" clId="{740736AA-2D8A-477F-8F00-B7CA75F7113B}" dt="2023-02-22T06:34:54.996" v="5617" actId="1076"/>
          <ac:spMkLst>
            <pc:docMk/>
            <pc:sldMk cId="299028246" sldId="1402"/>
            <ac:spMk id="17" creationId="{56706512-61B9-95C8-EADB-1CD7AC93543A}"/>
          </ac:spMkLst>
        </pc:spChg>
        <pc:spChg chg="add mod">
          <ac:chgData name="Ogot, Mark Lester" userId="0b3da0ae-959c-459a-985f-9d43681ba7f4" providerId="ADAL" clId="{740736AA-2D8A-477F-8F00-B7CA75F7113B}" dt="2023-02-22T06:34:54.996" v="5617" actId="1076"/>
          <ac:spMkLst>
            <pc:docMk/>
            <pc:sldMk cId="299028246" sldId="1402"/>
            <ac:spMk id="18" creationId="{EE6C8432-AE48-1DF5-7424-715653888A80}"/>
          </ac:spMkLst>
        </pc:spChg>
        <pc:spChg chg="add mod">
          <ac:chgData name="Ogot, Mark Lester" userId="0b3da0ae-959c-459a-985f-9d43681ba7f4" providerId="ADAL" clId="{740736AA-2D8A-477F-8F00-B7CA75F7113B}" dt="2023-02-22T06:34:54.996" v="5617" actId="1076"/>
          <ac:spMkLst>
            <pc:docMk/>
            <pc:sldMk cId="299028246" sldId="1402"/>
            <ac:spMk id="19" creationId="{8D79EC21-D967-539D-BAB0-E7A58D8E1CC5}"/>
          </ac:spMkLst>
        </pc:spChg>
        <pc:spChg chg="add mod">
          <ac:chgData name="Ogot, Mark Lester" userId="0b3da0ae-959c-459a-985f-9d43681ba7f4" providerId="ADAL" clId="{740736AA-2D8A-477F-8F00-B7CA75F7113B}" dt="2023-02-22T06:34:54.996" v="5617" actId="1076"/>
          <ac:spMkLst>
            <pc:docMk/>
            <pc:sldMk cId="299028246" sldId="1402"/>
            <ac:spMk id="20" creationId="{64E6E2A8-1FDF-601C-00F5-769BE39DE60B}"/>
          </ac:spMkLst>
        </pc:spChg>
        <pc:spChg chg="add mod">
          <ac:chgData name="Ogot, Mark Lester" userId="0b3da0ae-959c-459a-985f-9d43681ba7f4" providerId="ADAL" clId="{740736AA-2D8A-477F-8F00-B7CA75F7113B}" dt="2023-02-22T06:34:54.996" v="5617" actId="1076"/>
          <ac:spMkLst>
            <pc:docMk/>
            <pc:sldMk cId="299028246" sldId="1402"/>
            <ac:spMk id="21" creationId="{2A3870D6-E605-8857-C7B5-BB66E51471BE}"/>
          </ac:spMkLst>
        </pc:spChg>
        <pc:spChg chg="add mod">
          <ac:chgData name="Ogot, Mark Lester" userId="0b3da0ae-959c-459a-985f-9d43681ba7f4" providerId="ADAL" clId="{740736AA-2D8A-477F-8F00-B7CA75F7113B}" dt="2023-02-22T06:34:54.996" v="5617" actId="1076"/>
          <ac:spMkLst>
            <pc:docMk/>
            <pc:sldMk cId="299028246" sldId="1402"/>
            <ac:spMk id="22" creationId="{96DF100A-27A3-7E6B-8968-543700A2917F}"/>
          </ac:spMkLst>
        </pc:spChg>
        <pc:spChg chg="add mod">
          <ac:chgData name="Ogot, Mark Lester" userId="0b3da0ae-959c-459a-985f-9d43681ba7f4" providerId="ADAL" clId="{740736AA-2D8A-477F-8F00-B7CA75F7113B}" dt="2023-02-22T06:34:54.996" v="5617" actId="1076"/>
          <ac:spMkLst>
            <pc:docMk/>
            <pc:sldMk cId="299028246" sldId="1402"/>
            <ac:spMk id="23" creationId="{A87CB87C-570A-64DA-046F-9FA6432E0591}"/>
          </ac:spMkLst>
        </pc:spChg>
        <pc:spChg chg="add mod">
          <ac:chgData name="Ogot, Mark Lester" userId="0b3da0ae-959c-459a-985f-9d43681ba7f4" providerId="ADAL" clId="{740736AA-2D8A-477F-8F00-B7CA75F7113B}" dt="2023-02-22T06:34:54.996" v="5617" actId="1076"/>
          <ac:spMkLst>
            <pc:docMk/>
            <pc:sldMk cId="299028246" sldId="1402"/>
            <ac:spMk id="24" creationId="{20E62F0E-48F4-5C63-9D63-5F386BE99D22}"/>
          </ac:spMkLst>
        </pc:spChg>
        <pc:spChg chg="add mod">
          <ac:chgData name="Ogot, Mark Lester" userId="0b3da0ae-959c-459a-985f-9d43681ba7f4" providerId="ADAL" clId="{740736AA-2D8A-477F-8F00-B7CA75F7113B}" dt="2023-02-22T06:34:54.996" v="5617" actId="1076"/>
          <ac:spMkLst>
            <pc:docMk/>
            <pc:sldMk cId="299028246" sldId="1402"/>
            <ac:spMk id="25" creationId="{6D659586-2904-4AD5-6F74-92C243A21E63}"/>
          </ac:spMkLst>
        </pc:spChg>
        <pc:spChg chg="add mod">
          <ac:chgData name="Ogot, Mark Lester" userId="0b3da0ae-959c-459a-985f-9d43681ba7f4" providerId="ADAL" clId="{740736AA-2D8A-477F-8F00-B7CA75F7113B}" dt="2023-02-22T06:34:54.996" v="5617" actId="1076"/>
          <ac:spMkLst>
            <pc:docMk/>
            <pc:sldMk cId="299028246" sldId="1402"/>
            <ac:spMk id="26" creationId="{9C4AA6CA-B347-0796-E071-3B455D57CFB5}"/>
          </ac:spMkLst>
        </pc:spChg>
        <pc:spChg chg="add mod">
          <ac:chgData name="Ogot, Mark Lester" userId="0b3da0ae-959c-459a-985f-9d43681ba7f4" providerId="ADAL" clId="{740736AA-2D8A-477F-8F00-B7CA75F7113B}" dt="2023-02-22T06:34:54.996" v="5617" actId="1076"/>
          <ac:spMkLst>
            <pc:docMk/>
            <pc:sldMk cId="299028246" sldId="1402"/>
            <ac:spMk id="27" creationId="{BBA6CA51-0D33-00DE-AE45-0D0EEA5F176B}"/>
          </ac:spMkLst>
        </pc:spChg>
        <pc:spChg chg="add mod">
          <ac:chgData name="Ogot, Mark Lester" userId="0b3da0ae-959c-459a-985f-9d43681ba7f4" providerId="ADAL" clId="{740736AA-2D8A-477F-8F00-B7CA75F7113B}" dt="2023-02-22T06:34:54.996" v="5617" actId="1076"/>
          <ac:spMkLst>
            <pc:docMk/>
            <pc:sldMk cId="299028246" sldId="1402"/>
            <ac:spMk id="28" creationId="{40E69EC4-D347-6CB2-7F60-2F5623406F8A}"/>
          </ac:spMkLst>
        </pc:spChg>
        <pc:spChg chg="add mod">
          <ac:chgData name="Ogot, Mark Lester" userId="0b3da0ae-959c-459a-985f-9d43681ba7f4" providerId="ADAL" clId="{740736AA-2D8A-477F-8F00-B7CA75F7113B}" dt="2023-02-22T06:34:54.996" v="5617" actId="1076"/>
          <ac:spMkLst>
            <pc:docMk/>
            <pc:sldMk cId="299028246" sldId="1402"/>
            <ac:spMk id="29" creationId="{52865D30-87CF-365E-A834-7645CAA1F23F}"/>
          </ac:spMkLst>
        </pc:spChg>
        <pc:spChg chg="add mod">
          <ac:chgData name="Ogot, Mark Lester" userId="0b3da0ae-959c-459a-985f-9d43681ba7f4" providerId="ADAL" clId="{740736AA-2D8A-477F-8F00-B7CA75F7113B}" dt="2023-02-22T06:34:54.996" v="5617" actId="1076"/>
          <ac:spMkLst>
            <pc:docMk/>
            <pc:sldMk cId="299028246" sldId="1402"/>
            <ac:spMk id="30" creationId="{F6C3C0EF-C4A6-ED0C-7ECE-CA023F51BC87}"/>
          </ac:spMkLst>
        </pc:spChg>
        <pc:spChg chg="add mod">
          <ac:chgData name="Ogot, Mark Lester" userId="0b3da0ae-959c-459a-985f-9d43681ba7f4" providerId="ADAL" clId="{740736AA-2D8A-477F-8F00-B7CA75F7113B}" dt="2023-02-22T06:34:54.996" v="5617" actId="1076"/>
          <ac:spMkLst>
            <pc:docMk/>
            <pc:sldMk cId="299028246" sldId="1402"/>
            <ac:spMk id="31" creationId="{24EBD4C0-3C27-D19C-C7A4-8BF93F679401}"/>
          </ac:spMkLst>
        </pc:spChg>
        <pc:spChg chg="add mod">
          <ac:chgData name="Ogot, Mark Lester" userId="0b3da0ae-959c-459a-985f-9d43681ba7f4" providerId="ADAL" clId="{740736AA-2D8A-477F-8F00-B7CA75F7113B}" dt="2023-02-22T06:34:54.996" v="5617" actId="1076"/>
          <ac:spMkLst>
            <pc:docMk/>
            <pc:sldMk cId="299028246" sldId="1402"/>
            <ac:spMk id="32" creationId="{5B73CAE3-E205-7492-043B-3287E899401B}"/>
          </ac:spMkLst>
        </pc:spChg>
        <pc:spChg chg="add mod">
          <ac:chgData name="Ogot, Mark Lester" userId="0b3da0ae-959c-459a-985f-9d43681ba7f4" providerId="ADAL" clId="{740736AA-2D8A-477F-8F00-B7CA75F7113B}" dt="2023-02-22T06:34:54.996" v="5617" actId="1076"/>
          <ac:spMkLst>
            <pc:docMk/>
            <pc:sldMk cId="299028246" sldId="1402"/>
            <ac:spMk id="33" creationId="{CBB27DC1-2047-B4FA-7007-17B0FDE351D3}"/>
          </ac:spMkLst>
        </pc:spChg>
        <pc:spChg chg="add mod">
          <ac:chgData name="Ogot, Mark Lester" userId="0b3da0ae-959c-459a-985f-9d43681ba7f4" providerId="ADAL" clId="{740736AA-2D8A-477F-8F00-B7CA75F7113B}" dt="2023-02-22T06:34:54.996" v="5617" actId="1076"/>
          <ac:spMkLst>
            <pc:docMk/>
            <pc:sldMk cId="299028246" sldId="1402"/>
            <ac:spMk id="34" creationId="{57A6B906-BB13-EA31-C865-5612559B58C2}"/>
          </ac:spMkLst>
        </pc:spChg>
        <pc:spChg chg="add mod">
          <ac:chgData name="Ogot, Mark Lester" userId="0b3da0ae-959c-459a-985f-9d43681ba7f4" providerId="ADAL" clId="{740736AA-2D8A-477F-8F00-B7CA75F7113B}" dt="2023-02-22T06:34:54.996" v="5617" actId="1076"/>
          <ac:spMkLst>
            <pc:docMk/>
            <pc:sldMk cId="299028246" sldId="1402"/>
            <ac:spMk id="35" creationId="{C0711C75-6557-BA77-494B-149D0F2317E4}"/>
          </ac:spMkLst>
        </pc:spChg>
        <pc:spChg chg="add mod">
          <ac:chgData name="Ogot, Mark Lester" userId="0b3da0ae-959c-459a-985f-9d43681ba7f4" providerId="ADAL" clId="{740736AA-2D8A-477F-8F00-B7CA75F7113B}" dt="2023-02-22T06:34:54.996" v="5617" actId="1076"/>
          <ac:spMkLst>
            <pc:docMk/>
            <pc:sldMk cId="299028246" sldId="1402"/>
            <ac:spMk id="36" creationId="{822E31E9-6A72-47D2-7202-1D0E76CC431C}"/>
          </ac:spMkLst>
        </pc:spChg>
        <pc:spChg chg="add mod">
          <ac:chgData name="Ogot, Mark Lester" userId="0b3da0ae-959c-459a-985f-9d43681ba7f4" providerId="ADAL" clId="{740736AA-2D8A-477F-8F00-B7CA75F7113B}" dt="2023-02-22T06:34:54.996" v="5617" actId="1076"/>
          <ac:spMkLst>
            <pc:docMk/>
            <pc:sldMk cId="299028246" sldId="1402"/>
            <ac:spMk id="37" creationId="{C81534AA-431A-0859-49A8-7EBF5B43085F}"/>
          </ac:spMkLst>
        </pc:spChg>
        <pc:spChg chg="add mod">
          <ac:chgData name="Ogot, Mark Lester" userId="0b3da0ae-959c-459a-985f-9d43681ba7f4" providerId="ADAL" clId="{740736AA-2D8A-477F-8F00-B7CA75F7113B}" dt="2023-02-22T06:34:54.996" v="5617" actId="1076"/>
          <ac:spMkLst>
            <pc:docMk/>
            <pc:sldMk cId="299028246" sldId="1402"/>
            <ac:spMk id="38" creationId="{21967965-4F05-DF15-C93C-EEA3D989B6BE}"/>
          </ac:spMkLst>
        </pc:spChg>
        <pc:spChg chg="add mod">
          <ac:chgData name="Ogot, Mark Lester" userId="0b3da0ae-959c-459a-985f-9d43681ba7f4" providerId="ADAL" clId="{740736AA-2D8A-477F-8F00-B7CA75F7113B}" dt="2023-02-22T06:34:54.996" v="5617" actId="1076"/>
          <ac:spMkLst>
            <pc:docMk/>
            <pc:sldMk cId="299028246" sldId="1402"/>
            <ac:spMk id="39" creationId="{F030CC6F-2550-3356-5CB4-BC78A0C1524F}"/>
          </ac:spMkLst>
        </pc:spChg>
        <pc:spChg chg="add mod">
          <ac:chgData name="Ogot, Mark Lester" userId="0b3da0ae-959c-459a-985f-9d43681ba7f4" providerId="ADAL" clId="{740736AA-2D8A-477F-8F00-B7CA75F7113B}" dt="2023-02-22T06:34:54.996" v="5617" actId="1076"/>
          <ac:spMkLst>
            <pc:docMk/>
            <pc:sldMk cId="299028246" sldId="1402"/>
            <ac:spMk id="40" creationId="{F0C5D2B2-3755-EDC3-2F61-80AB1D1B5711}"/>
          </ac:spMkLst>
        </pc:spChg>
        <pc:spChg chg="add mod">
          <ac:chgData name="Ogot, Mark Lester" userId="0b3da0ae-959c-459a-985f-9d43681ba7f4" providerId="ADAL" clId="{740736AA-2D8A-477F-8F00-B7CA75F7113B}" dt="2023-02-22T06:34:54.996" v="5617" actId="1076"/>
          <ac:spMkLst>
            <pc:docMk/>
            <pc:sldMk cId="299028246" sldId="1402"/>
            <ac:spMk id="41" creationId="{7BD4B081-A37E-0949-8202-B6610B234F84}"/>
          </ac:spMkLst>
        </pc:spChg>
        <pc:spChg chg="add mod">
          <ac:chgData name="Ogot, Mark Lester" userId="0b3da0ae-959c-459a-985f-9d43681ba7f4" providerId="ADAL" clId="{740736AA-2D8A-477F-8F00-B7CA75F7113B}" dt="2023-02-22T06:34:54.996" v="5617" actId="1076"/>
          <ac:spMkLst>
            <pc:docMk/>
            <pc:sldMk cId="299028246" sldId="1402"/>
            <ac:spMk id="42" creationId="{3BC3FF73-4717-C1DA-FD48-DF9751DA0072}"/>
          </ac:spMkLst>
        </pc:spChg>
        <pc:spChg chg="add mod">
          <ac:chgData name="Ogot, Mark Lester" userId="0b3da0ae-959c-459a-985f-9d43681ba7f4" providerId="ADAL" clId="{740736AA-2D8A-477F-8F00-B7CA75F7113B}" dt="2023-02-22T06:34:54.996" v="5617" actId="1076"/>
          <ac:spMkLst>
            <pc:docMk/>
            <pc:sldMk cId="299028246" sldId="1402"/>
            <ac:spMk id="43" creationId="{42191FA2-B9B1-7CEB-FC88-F1813FAB3A0E}"/>
          </ac:spMkLst>
        </pc:spChg>
        <pc:spChg chg="add mod">
          <ac:chgData name="Ogot, Mark Lester" userId="0b3da0ae-959c-459a-985f-9d43681ba7f4" providerId="ADAL" clId="{740736AA-2D8A-477F-8F00-B7CA75F7113B}" dt="2023-02-22T06:34:54.996" v="5617" actId="1076"/>
          <ac:spMkLst>
            <pc:docMk/>
            <pc:sldMk cId="299028246" sldId="1402"/>
            <ac:spMk id="44" creationId="{1AA2AA54-C9AA-B6FF-FFA5-5BE4AEE3CB55}"/>
          </ac:spMkLst>
        </pc:spChg>
        <pc:spChg chg="add mod">
          <ac:chgData name="Ogot, Mark Lester" userId="0b3da0ae-959c-459a-985f-9d43681ba7f4" providerId="ADAL" clId="{740736AA-2D8A-477F-8F00-B7CA75F7113B}" dt="2023-02-22T06:34:54.996" v="5617" actId="1076"/>
          <ac:spMkLst>
            <pc:docMk/>
            <pc:sldMk cId="299028246" sldId="1402"/>
            <ac:spMk id="45" creationId="{EF68139A-A5F7-ACBD-F56B-A987D1544068}"/>
          </ac:spMkLst>
        </pc:spChg>
        <pc:spChg chg="add mod">
          <ac:chgData name="Ogot, Mark Lester" userId="0b3da0ae-959c-459a-985f-9d43681ba7f4" providerId="ADAL" clId="{740736AA-2D8A-477F-8F00-B7CA75F7113B}" dt="2023-02-22T06:34:54.996" v="5617" actId="1076"/>
          <ac:spMkLst>
            <pc:docMk/>
            <pc:sldMk cId="299028246" sldId="1402"/>
            <ac:spMk id="46" creationId="{C96A7AF9-8373-6C45-F9ED-513B21FE3B86}"/>
          </ac:spMkLst>
        </pc:spChg>
        <pc:spChg chg="add mod">
          <ac:chgData name="Ogot, Mark Lester" userId="0b3da0ae-959c-459a-985f-9d43681ba7f4" providerId="ADAL" clId="{740736AA-2D8A-477F-8F00-B7CA75F7113B}" dt="2023-02-22T06:34:54.996" v="5617" actId="1076"/>
          <ac:spMkLst>
            <pc:docMk/>
            <pc:sldMk cId="299028246" sldId="1402"/>
            <ac:spMk id="47" creationId="{48F9047A-AB84-900D-51BB-FB03D946D1A2}"/>
          </ac:spMkLst>
        </pc:spChg>
        <pc:spChg chg="add mod">
          <ac:chgData name="Ogot, Mark Lester" userId="0b3da0ae-959c-459a-985f-9d43681ba7f4" providerId="ADAL" clId="{740736AA-2D8A-477F-8F00-B7CA75F7113B}" dt="2023-02-22T06:34:54.996" v="5617" actId="1076"/>
          <ac:spMkLst>
            <pc:docMk/>
            <pc:sldMk cId="299028246" sldId="1402"/>
            <ac:spMk id="48" creationId="{500C932C-F140-F6D4-0867-0ACB094323BA}"/>
          </ac:spMkLst>
        </pc:spChg>
        <pc:spChg chg="add mod">
          <ac:chgData name="Ogot, Mark Lester" userId="0b3da0ae-959c-459a-985f-9d43681ba7f4" providerId="ADAL" clId="{740736AA-2D8A-477F-8F00-B7CA75F7113B}" dt="2023-02-22T06:34:54.996" v="5617" actId="1076"/>
          <ac:spMkLst>
            <pc:docMk/>
            <pc:sldMk cId="299028246" sldId="1402"/>
            <ac:spMk id="49" creationId="{DE968964-094F-9BF7-5129-744CAAD8ED54}"/>
          </ac:spMkLst>
        </pc:spChg>
        <pc:spChg chg="add mod">
          <ac:chgData name="Ogot, Mark Lester" userId="0b3da0ae-959c-459a-985f-9d43681ba7f4" providerId="ADAL" clId="{740736AA-2D8A-477F-8F00-B7CA75F7113B}" dt="2023-02-22T06:34:54.996" v="5617" actId="1076"/>
          <ac:spMkLst>
            <pc:docMk/>
            <pc:sldMk cId="299028246" sldId="1402"/>
            <ac:spMk id="50" creationId="{100069BE-A874-D927-1AC6-B3DDB0A1D5EA}"/>
          </ac:spMkLst>
        </pc:spChg>
        <pc:spChg chg="add mod">
          <ac:chgData name="Ogot, Mark Lester" userId="0b3da0ae-959c-459a-985f-9d43681ba7f4" providerId="ADAL" clId="{740736AA-2D8A-477F-8F00-B7CA75F7113B}" dt="2023-02-22T06:34:54.996" v="5617" actId="1076"/>
          <ac:spMkLst>
            <pc:docMk/>
            <pc:sldMk cId="299028246" sldId="1402"/>
            <ac:spMk id="51" creationId="{D7C6CE92-C3CD-0C0F-B839-1DD78B4DBB33}"/>
          </ac:spMkLst>
        </pc:spChg>
        <pc:spChg chg="add mod">
          <ac:chgData name="Ogot, Mark Lester" userId="0b3da0ae-959c-459a-985f-9d43681ba7f4" providerId="ADAL" clId="{740736AA-2D8A-477F-8F00-B7CA75F7113B}" dt="2023-02-22T06:34:54.996" v="5617" actId="1076"/>
          <ac:spMkLst>
            <pc:docMk/>
            <pc:sldMk cId="299028246" sldId="1402"/>
            <ac:spMk id="52" creationId="{3F4FFAC5-B1A8-951D-E69B-31DCDE52C7E7}"/>
          </ac:spMkLst>
        </pc:spChg>
        <pc:spChg chg="add mod">
          <ac:chgData name="Ogot, Mark Lester" userId="0b3da0ae-959c-459a-985f-9d43681ba7f4" providerId="ADAL" clId="{740736AA-2D8A-477F-8F00-B7CA75F7113B}" dt="2023-02-22T06:34:54.996" v="5617" actId="1076"/>
          <ac:spMkLst>
            <pc:docMk/>
            <pc:sldMk cId="299028246" sldId="1402"/>
            <ac:spMk id="53" creationId="{356B22A8-1521-0B06-A6E4-D0879A103F97}"/>
          </ac:spMkLst>
        </pc:spChg>
        <pc:spChg chg="add mod">
          <ac:chgData name="Ogot, Mark Lester" userId="0b3da0ae-959c-459a-985f-9d43681ba7f4" providerId="ADAL" clId="{740736AA-2D8A-477F-8F00-B7CA75F7113B}" dt="2023-02-22T06:34:54.996" v="5617" actId="1076"/>
          <ac:spMkLst>
            <pc:docMk/>
            <pc:sldMk cId="299028246" sldId="1402"/>
            <ac:spMk id="54" creationId="{9F7D59D0-895A-1A0C-9A31-B751230D01E2}"/>
          </ac:spMkLst>
        </pc:spChg>
        <pc:spChg chg="add mod">
          <ac:chgData name="Ogot, Mark Lester" userId="0b3da0ae-959c-459a-985f-9d43681ba7f4" providerId="ADAL" clId="{740736AA-2D8A-477F-8F00-B7CA75F7113B}" dt="2023-02-22T06:34:54.996" v="5617" actId="1076"/>
          <ac:spMkLst>
            <pc:docMk/>
            <pc:sldMk cId="299028246" sldId="1402"/>
            <ac:spMk id="55" creationId="{084ECEE4-6E09-38C2-B6ED-69FA39E19EC9}"/>
          </ac:spMkLst>
        </pc:spChg>
        <pc:spChg chg="add mod">
          <ac:chgData name="Ogot, Mark Lester" userId="0b3da0ae-959c-459a-985f-9d43681ba7f4" providerId="ADAL" clId="{740736AA-2D8A-477F-8F00-B7CA75F7113B}" dt="2023-02-22T06:34:54.996" v="5617" actId="1076"/>
          <ac:spMkLst>
            <pc:docMk/>
            <pc:sldMk cId="299028246" sldId="1402"/>
            <ac:spMk id="56" creationId="{9CF4BA83-E33F-5062-E686-8A1F2D91F51A}"/>
          </ac:spMkLst>
        </pc:spChg>
        <pc:spChg chg="add mod">
          <ac:chgData name="Ogot, Mark Lester" userId="0b3da0ae-959c-459a-985f-9d43681ba7f4" providerId="ADAL" clId="{740736AA-2D8A-477F-8F00-B7CA75F7113B}" dt="2023-02-22T06:34:54.996" v="5617" actId="1076"/>
          <ac:spMkLst>
            <pc:docMk/>
            <pc:sldMk cId="299028246" sldId="1402"/>
            <ac:spMk id="57" creationId="{8DE5238B-F8A6-3F6F-734F-9C27B2EB1A1E}"/>
          </ac:spMkLst>
        </pc:spChg>
        <pc:spChg chg="add mod">
          <ac:chgData name="Ogot, Mark Lester" userId="0b3da0ae-959c-459a-985f-9d43681ba7f4" providerId="ADAL" clId="{740736AA-2D8A-477F-8F00-B7CA75F7113B}" dt="2023-02-22T06:34:54.996" v="5617" actId="1076"/>
          <ac:spMkLst>
            <pc:docMk/>
            <pc:sldMk cId="299028246" sldId="1402"/>
            <ac:spMk id="58" creationId="{95CC5D45-377D-5021-2E31-CCB25DAE6C0F}"/>
          </ac:spMkLst>
        </pc:spChg>
        <pc:spChg chg="add mod">
          <ac:chgData name="Ogot, Mark Lester" userId="0b3da0ae-959c-459a-985f-9d43681ba7f4" providerId="ADAL" clId="{740736AA-2D8A-477F-8F00-B7CA75F7113B}" dt="2023-02-22T06:34:54.996" v="5617" actId="1076"/>
          <ac:spMkLst>
            <pc:docMk/>
            <pc:sldMk cId="299028246" sldId="1402"/>
            <ac:spMk id="59" creationId="{4EA3B980-9193-D002-549F-A2E19799C16C}"/>
          </ac:spMkLst>
        </pc:spChg>
        <pc:spChg chg="add mod">
          <ac:chgData name="Ogot, Mark Lester" userId="0b3da0ae-959c-459a-985f-9d43681ba7f4" providerId="ADAL" clId="{740736AA-2D8A-477F-8F00-B7CA75F7113B}" dt="2023-02-22T06:34:54.996" v="5617" actId="1076"/>
          <ac:spMkLst>
            <pc:docMk/>
            <pc:sldMk cId="299028246" sldId="1402"/>
            <ac:spMk id="60" creationId="{D1790659-2533-5B6C-3867-D5F0C7B07EB1}"/>
          </ac:spMkLst>
        </pc:spChg>
        <pc:spChg chg="add mod">
          <ac:chgData name="Ogot, Mark Lester" userId="0b3da0ae-959c-459a-985f-9d43681ba7f4" providerId="ADAL" clId="{740736AA-2D8A-477F-8F00-B7CA75F7113B}" dt="2023-02-22T06:34:46.401" v="5616" actId="1076"/>
          <ac:spMkLst>
            <pc:docMk/>
            <pc:sldMk cId="299028246" sldId="1402"/>
            <ac:spMk id="61" creationId="{EC473717-56E7-FC58-9EC6-F22547587AFE}"/>
          </ac:spMkLst>
        </pc:spChg>
        <pc:cxnChg chg="add mod">
          <ac:chgData name="Ogot, Mark Lester" userId="0b3da0ae-959c-459a-985f-9d43681ba7f4" providerId="ADAL" clId="{740736AA-2D8A-477F-8F00-B7CA75F7113B}" dt="2023-02-22T06:34:54.996" v="5617" actId="1076"/>
          <ac:cxnSpMkLst>
            <pc:docMk/>
            <pc:sldMk cId="299028246" sldId="1402"/>
            <ac:cxnSpMk id="4" creationId="{8BF59300-A45C-AFB7-3153-5988155224A8}"/>
          </ac:cxnSpMkLst>
        </pc:cxnChg>
        <pc:cxnChg chg="add mod">
          <ac:chgData name="Ogot, Mark Lester" userId="0b3da0ae-959c-459a-985f-9d43681ba7f4" providerId="ADAL" clId="{740736AA-2D8A-477F-8F00-B7CA75F7113B}" dt="2023-02-22T06:34:54.996" v="5617" actId="1076"/>
          <ac:cxnSpMkLst>
            <pc:docMk/>
            <pc:sldMk cId="299028246" sldId="1402"/>
            <ac:cxnSpMk id="5" creationId="{DE1A0BB6-637D-1F65-9F9E-F66BE13B99FB}"/>
          </ac:cxnSpMkLst>
        </pc:cxnChg>
        <pc:cxnChg chg="add mod">
          <ac:chgData name="Ogot, Mark Lester" userId="0b3da0ae-959c-459a-985f-9d43681ba7f4" providerId="ADAL" clId="{740736AA-2D8A-477F-8F00-B7CA75F7113B}" dt="2023-02-22T06:34:54.996" v="5617" actId="1076"/>
          <ac:cxnSpMkLst>
            <pc:docMk/>
            <pc:sldMk cId="299028246" sldId="1402"/>
            <ac:cxnSpMk id="6" creationId="{512A4A46-1E8D-2DBA-02AC-D235C7801757}"/>
          </ac:cxnSpMkLst>
        </pc:cxnChg>
        <pc:cxnChg chg="add mod">
          <ac:chgData name="Ogot, Mark Lester" userId="0b3da0ae-959c-459a-985f-9d43681ba7f4" providerId="ADAL" clId="{740736AA-2D8A-477F-8F00-B7CA75F7113B}" dt="2023-02-22T06:34:54.996" v="5617" actId="1076"/>
          <ac:cxnSpMkLst>
            <pc:docMk/>
            <pc:sldMk cId="299028246" sldId="1402"/>
            <ac:cxnSpMk id="7" creationId="{B2C88AE6-9CC2-A3CC-D376-53195457932B}"/>
          </ac:cxnSpMkLst>
        </pc:cxnChg>
        <pc:cxnChg chg="add mod">
          <ac:chgData name="Ogot, Mark Lester" userId="0b3da0ae-959c-459a-985f-9d43681ba7f4" providerId="ADAL" clId="{740736AA-2D8A-477F-8F00-B7CA75F7113B}" dt="2023-02-22T06:34:54.996" v="5617" actId="1076"/>
          <ac:cxnSpMkLst>
            <pc:docMk/>
            <pc:sldMk cId="299028246" sldId="1402"/>
            <ac:cxnSpMk id="8" creationId="{8CEBBED8-6138-3A2E-72A4-B4F743083DA6}"/>
          </ac:cxnSpMkLst>
        </pc:cxnChg>
        <pc:cxnChg chg="add mod">
          <ac:chgData name="Ogot, Mark Lester" userId="0b3da0ae-959c-459a-985f-9d43681ba7f4" providerId="ADAL" clId="{740736AA-2D8A-477F-8F00-B7CA75F7113B}" dt="2023-02-22T06:34:54.996" v="5617" actId="1076"/>
          <ac:cxnSpMkLst>
            <pc:docMk/>
            <pc:sldMk cId="299028246" sldId="1402"/>
            <ac:cxnSpMk id="9" creationId="{850B86E5-5D7E-E193-F5B4-B2EDAC471039}"/>
          </ac:cxnSpMkLst>
        </pc:cxnChg>
        <pc:cxnChg chg="add mod">
          <ac:chgData name="Ogot, Mark Lester" userId="0b3da0ae-959c-459a-985f-9d43681ba7f4" providerId="ADAL" clId="{740736AA-2D8A-477F-8F00-B7CA75F7113B}" dt="2023-02-22T06:34:54.996" v="5617" actId="1076"/>
          <ac:cxnSpMkLst>
            <pc:docMk/>
            <pc:sldMk cId="299028246" sldId="1402"/>
            <ac:cxnSpMk id="10" creationId="{F004271E-AF1F-BF3A-C9D7-BEBA94937696}"/>
          </ac:cxnSpMkLst>
        </pc:cxnChg>
        <pc:cxnChg chg="add mod">
          <ac:chgData name="Ogot, Mark Lester" userId="0b3da0ae-959c-459a-985f-9d43681ba7f4" providerId="ADAL" clId="{740736AA-2D8A-477F-8F00-B7CA75F7113B}" dt="2023-02-22T06:34:54.996" v="5617" actId="1076"/>
          <ac:cxnSpMkLst>
            <pc:docMk/>
            <pc:sldMk cId="299028246" sldId="1402"/>
            <ac:cxnSpMk id="11" creationId="{9CB9F47B-1757-00BB-A824-AD01CA0837AD}"/>
          </ac:cxnSpMkLst>
        </pc:cxnChg>
        <pc:cxnChg chg="add mod">
          <ac:chgData name="Ogot, Mark Lester" userId="0b3da0ae-959c-459a-985f-9d43681ba7f4" providerId="ADAL" clId="{740736AA-2D8A-477F-8F00-B7CA75F7113B}" dt="2023-02-22T06:34:54.996" v="5617" actId="1076"/>
          <ac:cxnSpMkLst>
            <pc:docMk/>
            <pc:sldMk cId="299028246" sldId="1402"/>
            <ac:cxnSpMk id="15" creationId="{BE00F3DC-3421-D088-EB47-20E37F12B320}"/>
          </ac:cxnSpMkLst>
        </pc:cxnChg>
      </pc:sldChg>
      <pc:sldChg chg="new del ord">
        <pc:chgData name="Ogot, Mark Lester" userId="0b3da0ae-959c-459a-985f-9d43681ba7f4" providerId="ADAL" clId="{740736AA-2D8A-477F-8F00-B7CA75F7113B}" dt="2023-02-22T09:58:15.888" v="5876" actId="47"/>
        <pc:sldMkLst>
          <pc:docMk/>
          <pc:sldMk cId="1465479495" sldId="1402"/>
        </pc:sldMkLst>
      </pc:sldChg>
      <pc:sldChg chg="addSp modSp add del mod">
        <pc:chgData name="Ogot, Mark Lester" userId="0b3da0ae-959c-459a-985f-9d43681ba7f4" providerId="ADAL" clId="{740736AA-2D8A-477F-8F00-B7CA75F7113B}" dt="2023-02-26T05:12:08.788" v="8271" actId="47"/>
        <pc:sldMkLst>
          <pc:docMk/>
          <pc:sldMk cId="2336099533" sldId="1402"/>
        </pc:sldMkLst>
        <pc:spChg chg="mod">
          <ac:chgData name="Ogot, Mark Lester" userId="0b3da0ae-959c-459a-985f-9d43681ba7f4" providerId="ADAL" clId="{740736AA-2D8A-477F-8F00-B7CA75F7113B}" dt="2023-02-22T09:59:16.047" v="5890" actId="6549"/>
          <ac:spMkLst>
            <pc:docMk/>
            <pc:sldMk cId="2336099533" sldId="1402"/>
            <ac:spMk id="4" creationId="{B874381D-3683-E1CA-4051-FAF5437746BA}"/>
          </ac:spMkLst>
        </pc:spChg>
        <pc:picChg chg="add mod">
          <ac:chgData name="Ogot, Mark Lester" userId="0b3da0ae-959c-459a-985f-9d43681ba7f4" providerId="ADAL" clId="{740736AA-2D8A-477F-8F00-B7CA75F7113B}" dt="2023-02-22T09:59:40.737" v="5897" actId="1076"/>
          <ac:picMkLst>
            <pc:docMk/>
            <pc:sldMk cId="2336099533" sldId="1402"/>
            <ac:picMk id="3" creationId="{8FE4107F-75E5-923D-A1BA-AF8CF1F42990}"/>
          </ac:picMkLst>
        </pc:picChg>
      </pc:sldChg>
      <pc:sldChg chg="addSp delSp modSp add mod ord">
        <pc:chgData name="Ogot, Mark Lester" userId="0b3da0ae-959c-459a-985f-9d43681ba7f4" providerId="ADAL" clId="{740736AA-2D8A-477F-8F00-B7CA75F7113B}" dt="2023-02-23T01:40:41.351" v="8240" actId="6549"/>
        <pc:sldMkLst>
          <pc:docMk/>
          <pc:sldMk cId="720158102" sldId="1403"/>
        </pc:sldMkLst>
        <pc:spChg chg="add mod">
          <ac:chgData name="Ogot, Mark Lester" userId="0b3da0ae-959c-459a-985f-9d43681ba7f4" providerId="ADAL" clId="{740736AA-2D8A-477F-8F00-B7CA75F7113B}" dt="2023-02-23T01:40:41.351" v="8240" actId="6549"/>
          <ac:spMkLst>
            <pc:docMk/>
            <pc:sldMk cId="720158102" sldId="1403"/>
            <ac:spMk id="2" creationId="{A7AA1578-1D9E-09A9-2FD9-51DD05205382}"/>
          </ac:spMkLst>
        </pc:spChg>
        <pc:spChg chg="mod">
          <ac:chgData name="Ogot, Mark Lester" userId="0b3da0ae-959c-459a-985f-9d43681ba7f4" providerId="ADAL" clId="{740736AA-2D8A-477F-8F00-B7CA75F7113B}" dt="2023-02-22T10:02:01.946" v="5944" actId="20577"/>
          <ac:spMkLst>
            <pc:docMk/>
            <pc:sldMk cId="720158102" sldId="1403"/>
            <ac:spMk id="4" creationId="{B874381D-3683-E1CA-4051-FAF5437746BA}"/>
          </ac:spMkLst>
        </pc:spChg>
        <pc:spChg chg="add del mod">
          <ac:chgData name="Ogot, Mark Lester" userId="0b3da0ae-959c-459a-985f-9d43681ba7f4" providerId="ADAL" clId="{740736AA-2D8A-477F-8F00-B7CA75F7113B}" dt="2023-02-22T10:53:16.881" v="6418" actId="478"/>
          <ac:spMkLst>
            <pc:docMk/>
            <pc:sldMk cId="720158102" sldId="1403"/>
            <ac:spMk id="8" creationId="{825511DC-FCD2-077C-3717-7F4A78551BE9}"/>
          </ac:spMkLst>
        </pc:spChg>
        <pc:spChg chg="add del mod ord">
          <ac:chgData name="Ogot, Mark Lester" userId="0b3da0ae-959c-459a-985f-9d43681ba7f4" providerId="ADAL" clId="{740736AA-2D8A-477F-8F00-B7CA75F7113B}" dt="2023-02-22T15:00:45.406" v="7311" actId="478"/>
          <ac:spMkLst>
            <pc:docMk/>
            <pc:sldMk cId="720158102" sldId="1403"/>
            <ac:spMk id="9" creationId="{E7D159D1-F01B-A227-66D9-B39B1BC96382}"/>
          </ac:spMkLst>
        </pc:spChg>
        <pc:spChg chg="add del mod">
          <ac:chgData name="Ogot, Mark Lester" userId="0b3da0ae-959c-459a-985f-9d43681ba7f4" providerId="ADAL" clId="{740736AA-2D8A-477F-8F00-B7CA75F7113B}" dt="2023-02-22T15:00:45.406" v="7311" actId="478"/>
          <ac:spMkLst>
            <pc:docMk/>
            <pc:sldMk cId="720158102" sldId="1403"/>
            <ac:spMk id="10" creationId="{030B9E93-B76E-24C0-A16B-71DFE29CC18D}"/>
          </ac:spMkLst>
        </pc:spChg>
        <pc:spChg chg="add del mod">
          <ac:chgData name="Ogot, Mark Lester" userId="0b3da0ae-959c-459a-985f-9d43681ba7f4" providerId="ADAL" clId="{740736AA-2D8A-477F-8F00-B7CA75F7113B}" dt="2023-02-22T15:00:45.406" v="7311" actId="478"/>
          <ac:spMkLst>
            <pc:docMk/>
            <pc:sldMk cId="720158102" sldId="1403"/>
            <ac:spMk id="11" creationId="{B52B6598-4F2F-4B6E-56F7-BD56D4E93F6E}"/>
          </ac:spMkLst>
        </pc:spChg>
        <pc:spChg chg="add del mod ord">
          <ac:chgData name="Ogot, Mark Lester" userId="0b3da0ae-959c-459a-985f-9d43681ba7f4" providerId="ADAL" clId="{740736AA-2D8A-477F-8F00-B7CA75F7113B}" dt="2023-02-22T15:00:45.406" v="7311" actId="478"/>
          <ac:spMkLst>
            <pc:docMk/>
            <pc:sldMk cId="720158102" sldId="1403"/>
            <ac:spMk id="13" creationId="{48CFC08A-7408-6C21-21FE-3B9FBF35B0FB}"/>
          </ac:spMkLst>
        </pc:spChg>
        <pc:spChg chg="add del mod">
          <ac:chgData name="Ogot, Mark Lester" userId="0b3da0ae-959c-459a-985f-9d43681ba7f4" providerId="ADAL" clId="{740736AA-2D8A-477F-8F00-B7CA75F7113B}" dt="2023-02-22T15:00:45.406" v="7311" actId="478"/>
          <ac:spMkLst>
            <pc:docMk/>
            <pc:sldMk cId="720158102" sldId="1403"/>
            <ac:spMk id="14" creationId="{34EF39EB-D33A-ABEA-C68E-C14CAE6FA567}"/>
          </ac:spMkLst>
        </pc:spChg>
        <pc:spChg chg="add del mod">
          <ac:chgData name="Ogot, Mark Lester" userId="0b3da0ae-959c-459a-985f-9d43681ba7f4" providerId="ADAL" clId="{740736AA-2D8A-477F-8F00-B7CA75F7113B}" dt="2023-02-22T15:00:45.406" v="7311" actId="478"/>
          <ac:spMkLst>
            <pc:docMk/>
            <pc:sldMk cId="720158102" sldId="1403"/>
            <ac:spMk id="15" creationId="{E426969B-6307-5073-C2E5-6D04ED07AA40}"/>
          </ac:spMkLst>
        </pc:spChg>
        <pc:spChg chg="add del mod">
          <ac:chgData name="Ogot, Mark Lester" userId="0b3da0ae-959c-459a-985f-9d43681ba7f4" providerId="ADAL" clId="{740736AA-2D8A-477F-8F00-B7CA75F7113B}" dt="2023-02-22T15:00:45.406" v="7311" actId="478"/>
          <ac:spMkLst>
            <pc:docMk/>
            <pc:sldMk cId="720158102" sldId="1403"/>
            <ac:spMk id="16" creationId="{0367521C-64D4-7F2D-A555-050F5ADE5BFD}"/>
          </ac:spMkLst>
        </pc:spChg>
        <pc:spChg chg="add del mod">
          <ac:chgData name="Ogot, Mark Lester" userId="0b3da0ae-959c-459a-985f-9d43681ba7f4" providerId="ADAL" clId="{740736AA-2D8A-477F-8F00-B7CA75F7113B}" dt="2023-02-22T15:00:45.406" v="7311" actId="478"/>
          <ac:spMkLst>
            <pc:docMk/>
            <pc:sldMk cId="720158102" sldId="1403"/>
            <ac:spMk id="19" creationId="{A7A38303-92B0-01F3-471F-EA5C87AB2231}"/>
          </ac:spMkLst>
        </pc:spChg>
        <pc:spChg chg="add del mod ord">
          <ac:chgData name="Ogot, Mark Lester" userId="0b3da0ae-959c-459a-985f-9d43681ba7f4" providerId="ADAL" clId="{740736AA-2D8A-477F-8F00-B7CA75F7113B}" dt="2023-02-22T15:00:45.406" v="7311" actId="478"/>
          <ac:spMkLst>
            <pc:docMk/>
            <pc:sldMk cId="720158102" sldId="1403"/>
            <ac:spMk id="20" creationId="{CDD0C728-26D9-9E0D-6422-3EBFC0F88AD5}"/>
          </ac:spMkLst>
        </pc:spChg>
        <pc:spChg chg="add del mod">
          <ac:chgData name="Ogot, Mark Lester" userId="0b3da0ae-959c-459a-985f-9d43681ba7f4" providerId="ADAL" clId="{740736AA-2D8A-477F-8F00-B7CA75F7113B}" dt="2023-02-22T10:48:47.379" v="6320" actId="478"/>
          <ac:spMkLst>
            <pc:docMk/>
            <pc:sldMk cId="720158102" sldId="1403"/>
            <ac:spMk id="23" creationId="{E36EA852-EEF2-D23D-FAC6-C92DCC98A85E}"/>
          </ac:spMkLst>
        </pc:spChg>
        <pc:spChg chg="add del mod">
          <ac:chgData name="Ogot, Mark Lester" userId="0b3da0ae-959c-459a-985f-9d43681ba7f4" providerId="ADAL" clId="{740736AA-2D8A-477F-8F00-B7CA75F7113B}" dt="2023-02-22T13:22:10.129" v="7013" actId="478"/>
          <ac:spMkLst>
            <pc:docMk/>
            <pc:sldMk cId="720158102" sldId="1403"/>
            <ac:spMk id="69" creationId="{189E6656-4C5A-88AC-C15E-AD6A97CF05F3}"/>
          </ac:spMkLst>
        </pc:spChg>
        <pc:spChg chg="add del">
          <ac:chgData name="Ogot, Mark Lester" userId="0b3da0ae-959c-459a-985f-9d43681ba7f4" providerId="ADAL" clId="{740736AA-2D8A-477F-8F00-B7CA75F7113B}" dt="2023-02-22T13:19:28.419" v="6970" actId="22"/>
          <ac:spMkLst>
            <pc:docMk/>
            <pc:sldMk cId="720158102" sldId="1403"/>
            <ac:spMk id="77" creationId="{B7BBC166-4EB8-9140-78CC-2C0B50A0326D}"/>
          </ac:spMkLst>
        </pc:spChg>
        <pc:spChg chg="add del mod ord">
          <ac:chgData name="Ogot, Mark Lester" userId="0b3da0ae-959c-459a-985f-9d43681ba7f4" providerId="ADAL" clId="{740736AA-2D8A-477F-8F00-B7CA75F7113B}" dt="2023-02-22T15:00:45.406" v="7311" actId="478"/>
          <ac:spMkLst>
            <pc:docMk/>
            <pc:sldMk cId="720158102" sldId="1403"/>
            <ac:spMk id="78" creationId="{31263851-DAED-217E-F844-D7B4499FBE6E}"/>
          </ac:spMkLst>
        </pc:spChg>
        <pc:spChg chg="add del mod">
          <ac:chgData name="Ogot, Mark Lester" userId="0b3da0ae-959c-459a-985f-9d43681ba7f4" providerId="ADAL" clId="{740736AA-2D8A-477F-8F00-B7CA75F7113B}" dt="2023-02-22T15:02:13.491" v="7334"/>
          <ac:spMkLst>
            <pc:docMk/>
            <pc:sldMk cId="720158102" sldId="1403"/>
            <ac:spMk id="84" creationId="{9E1CCF88-1CD5-10E0-5BC7-9E6FBD72C1EC}"/>
          </ac:spMkLst>
        </pc:spChg>
        <pc:spChg chg="add del mod">
          <ac:chgData name="Ogot, Mark Lester" userId="0b3da0ae-959c-459a-985f-9d43681ba7f4" providerId="ADAL" clId="{740736AA-2D8A-477F-8F00-B7CA75F7113B}" dt="2023-02-22T15:04:18.538" v="7368" actId="478"/>
          <ac:spMkLst>
            <pc:docMk/>
            <pc:sldMk cId="720158102" sldId="1403"/>
            <ac:spMk id="86" creationId="{57FD4EBE-5E38-7109-97C3-759EC1EDF97E}"/>
          </ac:spMkLst>
        </pc:spChg>
        <pc:spChg chg="add del mod">
          <ac:chgData name="Ogot, Mark Lester" userId="0b3da0ae-959c-459a-985f-9d43681ba7f4" providerId="ADAL" clId="{740736AA-2D8A-477F-8F00-B7CA75F7113B}" dt="2023-02-22T15:10:01.690" v="7471" actId="478"/>
          <ac:spMkLst>
            <pc:docMk/>
            <pc:sldMk cId="720158102" sldId="1403"/>
            <ac:spMk id="89" creationId="{9B38953C-C6BF-7F66-3FD2-CEB4DB371DD4}"/>
          </ac:spMkLst>
        </pc:spChg>
        <pc:spChg chg="add del mod">
          <ac:chgData name="Ogot, Mark Lester" userId="0b3da0ae-959c-459a-985f-9d43681ba7f4" providerId="ADAL" clId="{740736AA-2D8A-477F-8F00-B7CA75F7113B}" dt="2023-02-22T15:08:43.588" v="7457" actId="478"/>
          <ac:spMkLst>
            <pc:docMk/>
            <pc:sldMk cId="720158102" sldId="1403"/>
            <ac:spMk id="90" creationId="{48E7EEDA-842A-96F6-F5F7-91958B4ED520}"/>
          </ac:spMkLst>
        </pc:spChg>
        <pc:graphicFrameChg chg="add del mod modGraphic">
          <ac:chgData name="Ogot, Mark Lester" userId="0b3da0ae-959c-459a-985f-9d43681ba7f4" providerId="ADAL" clId="{740736AA-2D8A-477F-8F00-B7CA75F7113B}" dt="2023-02-22T10:02:52.129" v="5948" actId="1032"/>
          <ac:graphicFrameMkLst>
            <pc:docMk/>
            <pc:sldMk cId="720158102" sldId="1403"/>
            <ac:graphicFrameMk id="2" creationId="{8F9F2F98-58ED-C134-1B54-81F581026934}"/>
          </ac:graphicFrameMkLst>
        </pc:graphicFrameChg>
        <pc:graphicFrameChg chg="add del mod modGraphic">
          <ac:chgData name="Ogot, Mark Lester" userId="0b3da0ae-959c-459a-985f-9d43681ba7f4" providerId="ADAL" clId="{740736AA-2D8A-477F-8F00-B7CA75F7113B}" dt="2023-02-22T10:48:44.930" v="6319" actId="478"/>
          <ac:graphicFrameMkLst>
            <pc:docMk/>
            <pc:sldMk cId="720158102" sldId="1403"/>
            <ac:graphicFrameMk id="3" creationId="{AF0CA025-C180-6C9F-89C2-1C8883A3682D}"/>
          </ac:graphicFrameMkLst>
        </pc:graphicFrameChg>
        <pc:graphicFrameChg chg="add del mod modGraphic">
          <ac:chgData name="Ogot, Mark Lester" userId="0b3da0ae-959c-459a-985f-9d43681ba7f4" providerId="ADAL" clId="{740736AA-2D8A-477F-8F00-B7CA75F7113B}" dt="2023-02-22T10:14:11.292" v="5969" actId="478"/>
          <ac:graphicFrameMkLst>
            <pc:docMk/>
            <pc:sldMk cId="720158102" sldId="1403"/>
            <ac:graphicFrameMk id="5" creationId="{FE29F116-0934-0A1B-566F-CB3B6BF05B37}"/>
          </ac:graphicFrameMkLst>
        </pc:graphicFrameChg>
        <pc:graphicFrameChg chg="add del modGraphic">
          <ac:chgData name="Ogot, Mark Lester" userId="0b3da0ae-959c-459a-985f-9d43681ba7f4" providerId="ADAL" clId="{740736AA-2D8A-477F-8F00-B7CA75F7113B}" dt="2023-02-22T10:21:24.765" v="6124" actId="1032"/>
          <ac:graphicFrameMkLst>
            <pc:docMk/>
            <pc:sldMk cId="720158102" sldId="1403"/>
            <ac:graphicFrameMk id="6" creationId="{F818CF1D-B437-A89A-D593-884F0348392E}"/>
          </ac:graphicFrameMkLst>
        </pc:graphicFrameChg>
        <pc:graphicFrameChg chg="add mod modGraphic">
          <ac:chgData name="Ogot, Mark Lester" userId="0b3da0ae-959c-459a-985f-9d43681ba7f4" providerId="ADAL" clId="{740736AA-2D8A-477F-8F00-B7CA75F7113B}" dt="2023-02-22T23:54:20.593" v="7973" actId="1037"/>
          <ac:graphicFrameMkLst>
            <pc:docMk/>
            <pc:sldMk cId="720158102" sldId="1403"/>
            <ac:graphicFrameMk id="85" creationId="{9346240F-171F-E1CC-3C61-CC2A66E06A0D}"/>
          </ac:graphicFrameMkLst>
        </pc:graphicFrameChg>
        <pc:picChg chg="add del mod">
          <ac:chgData name="Ogot, Mark Lester" userId="0b3da0ae-959c-459a-985f-9d43681ba7f4" providerId="ADAL" clId="{740736AA-2D8A-477F-8F00-B7CA75F7113B}" dt="2023-02-23T00:16:49.222" v="8165" actId="1076"/>
          <ac:picMkLst>
            <pc:docMk/>
            <pc:sldMk cId="720158102" sldId="1403"/>
            <ac:picMk id="5" creationId="{F254A5D9-7735-C79B-1C6E-8601100A10C9}"/>
          </ac:picMkLst>
        </pc:picChg>
        <pc:picChg chg="add mod">
          <ac:chgData name="Ogot, Mark Lester" userId="0b3da0ae-959c-459a-985f-9d43681ba7f4" providerId="ADAL" clId="{740736AA-2D8A-477F-8F00-B7CA75F7113B}" dt="2023-02-22T23:57:11.980" v="7998" actId="1076"/>
          <ac:picMkLst>
            <pc:docMk/>
            <pc:sldMk cId="720158102" sldId="1403"/>
            <ac:picMk id="7" creationId="{E261AC70-378B-1CD3-D3A7-33397E530102}"/>
          </ac:picMkLst>
        </pc:picChg>
        <pc:picChg chg="add mod">
          <ac:chgData name="Ogot, Mark Lester" userId="0b3da0ae-959c-459a-985f-9d43681ba7f4" providerId="ADAL" clId="{740736AA-2D8A-477F-8F00-B7CA75F7113B}" dt="2023-02-22T23:57:14.481" v="7999" actId="1076"/>
          <ac:picMkLst>
            <pc:docMk/>
            <pc:sldMk cId="720158102" sldId="1403"/>
            <ac:picMk id="9" creationId="{7BF20393-FEF1-BCE1-D38C-0EB1960495F0}"/>
          </ac:picMkLst>
        </pc:picChg>
        <pc:picChg chg="add mod">
          <ac:chgData name="Ogot, Mark Lester" userId="0b3da0ae-959c-459a-985f-9d43681ba7f4" providerId="ADAL" clId="{740736AA-2D8A-477F-8F00-B7CA75F7113B}" dt="2023-02-22T23:57:48.228" v="8008" actId="1076"/>
          <ac:picMkLst>
            <pc:docMk/>
            <pc:sldMk cId="720158102" sldId="1403"/>
            <ac:picMk id="11" creationId="{08724ADE-EBB8-9899-22B1-AE4AD9D53330}"/>
          </ac:picMkLst>
        </pc:picChg>
        <pc:picChg chg="add mod">
          <ac:chgData name="Ogot, Mark Lester" userId="0b3da0ae-959c-459a-985f-9d43681ba7f4" providerId="ADAL" clId="{740736AA-2D8A-477F-8F00-B7CA75F7113B}" dt="2023-02-22T23:54:20.593" v="7973" actId="1037"/>
          <ac:picMkLst>
            <pc:docMk/>
            <pc:sldMk cId="720158102" sldId="1403"/>
            <ac:picMk id="83" creationId="{A3922176-55A1-B3E5-BAC9-837916C4B84E}"/>
          </ac:picMkLst>
        </pc:picChg>
        <pc:picChg chg="add del mod">
          <ac:chgData name="Ogot, Mark Lester" userId="0b3da0ae-959c-459a-985f-9d43681ba7f4" providerId="ADAL" clId="{740736AA-2D8A-477F-8F00-B7CA75F7113B}" dt="2023-02-22T15:05:46.682" v="7382" actId="478"/>
          <ac:picMkLst>
            <pc:docMk/>
            <pc:sldMk cId="720158102" sldId="1403"/>
            <ac:picMk id="88" creationId="{A9B45E9B-E63B-4996-84F2-BDE34DCD3818}"/>
          </ac:picMkLst>
        </pc:picChg>
        <pc:cxnChg chg="del">
          <ac:chgData name="Ogot, Mark Lester" userId="0b3da0ae-959c-459a-985f-9d43681ba7f4" providerId="ADAL" clId="{740736AA-2D8A-477F-8F00-B7CA75F7113B}" dt="2023-02-23T00:25:36.510" v="8189" actId="478"/>
          <ac:cxnSpMkLst>
            <pc:docMk/>
            <pc:sldMk cId="720158102" sldId="1403"/>
            <ac:cxnSpMk id="12" creationId="{E491CAEF-7453-0D16-C74A-DE0D4D9CE8C6}"/>
          </ac:cxnSpMkLst>
        </pc:cxnChg>
        <pc:cxnChg chg="del">
          <ac:chgData name="Ogot, Mark Lester" userId="0b3da0ae-959c-459a-985f-9d43681ba7f4" providerId="ADAL" clId="{740736AA-2D8A-477F-8F00-B7CA75F7113B}" dt="2023-02-23T00:25:37.419" v="8190" actId="478"/>
          <ac:cxnSpMkLst>
            <pc:docMk/>
            <pc:sldMk cId="720158102" sldId="1403"/>
            <ac:cxnSpMk id="17" creationId="{3C0A6619-340F-7CB3-DDA4-16B9BADE4D48}"/>
          </ac:cxnSpMkLst>
        </pc:cxnChg>
        <pc:cxnChg chg="del">
          <ac:chgData name="Ogot, Mark Lester" userId="0b3da0ae-959c-459a-985f-9d43681ba7f4" providerId="ADAL" clId="{740736AA-2D8A-477F-8F00-B7CA75F7113B}" dt="2023-02-23T00:25:38.430" v="8191" actId="478"/>
          <ac:cxnSpMkLst>
            <pc:docMk/>
            <pc:sldMk cId="720158102" sldId="1403"/>
            <ac:cxnSpMk id="18" creationId="{26B81832-76BE-DBB9-B98E-E7C6364BE2CB}"/>
          </ac:cxnSpMkLst>
        </pc:cxnChg>
        <pc:cxnChg chg="del">
          <ac:chgData name="Ogot, Mark Lester" userId="0b3da0ae-959c-459a-985f-9d43681ba7f4" providerId="ADAL" clId="{740736AA-2D8A-477F-8F00-B7CA75F7113B}" dt="2023-02-23T00:25:38.947" v="8192" actId="478"/>
          <ac:cxnSpMkLst>
            <pc:docMk/>
            <pc:sldMk cId="720158102" sldId="1403"/>
            <ac:cxnSpMk id="21" creationId="{BC16FFB4-5FE7-BB3F-82DB-3D3C4AC315EA}"/>
          </ac:cxnSpMkLst>
        </pc:cxnChg>
        <pc:cxnChg chg="add del mod">
          <ac:chgData name="Ogot, Mark Lester" userId="0b3da0ae-959c-459a-985f-9d43681ba7f4" providerId="ADAL" clId="{740736AA-2D8A-477F-8F00-B7CA75F7113B}" dt="2023-02-22T15:00:45.406" v="7311" actId="478"/>
          <ac:cxnSpMkLst>
            <pc:docMk/>
            <pc:sldMk cId="720158102" sldId="1403"/>
            <ac:cxnSpMk id="25" creationId="{9F321EC4-AD5F-5E9F-5D34-3CC7F38E5B40}"/>
          </ac:cxnSpMkLst>
        </pc:cxnChg>
        <pc:cxnChg chg="add del mod">
          <ac:chgData name="Ogot, Mark Lester" userId="0b3da0ae-959c-459a-985f-9d43681ba7f4" providerId="ADAL" clId="{740736AA-2D8A-477F-8F00-B7CA75F7113B}" dt="2023-02-22T15:00:45.406" v="7311" actId="478"/>
          <ac:cxnSpMkLst>
            <pc:docMk/>
            <pc:sldMk cId="720158102" sldId="1403"/>
            <ac:cxnSpMk id="30" creationId="{9B1C4CBE-EFCA-D48F-62F4-E4755356200D}"/>
          </ac:cxnSpMkLst>
        </pc:cxnChg>
        <pc:cxnChg chg="add del mod">
          <ac:chgData name="Ogot, Mark Lester" userId="0b3da0ae-959c-459a-985f-9d43681ba7f4" providerId="ADAL" clId="{740736AA-2D8A-477F-8F00-B7CA75F7113B}" dt="2023-02-22T15:00:45.406" v="7311" actId="478"/>
          <ac:cxnSpMkLst>
            <pc:docMk/>
            <pc:sldMk cId="720158102" sldId="1403"/>
            <ac:cxnSpMk id="34" creationId="{6C76F7A6-FBFF-F2B4-406E-52E25074011E}"/>
          </ac:cxnSpMkLst>
        </pc:cxnChg>
        <pc:cxnChg chg="add del mod">
          <ac:chgData name="Ogot, Mark Lester" userId="0b3da0ae-959c-459a-985f-9d43681ba7f4" providerId="ADAL" clId="{740736AA-2D8A-477F-8F00-B7CA75F7113B}" dt="2023-02-22T15:00:45.406" v="7311" actId="478"/>
          <ac:cxnSpMkLst>
            <pc:docMk/>
            <pc:sldMk cId="720158102" sldId="1403"/>
            <ac:cxnSpMk id="39" creationId="{629F52F9-0217-E52A-A14D-4DF2D7EEEE52}"/>
          </ac:cxnSpMkLst>
        </pc:cxnChg>
        <pc:cxnChg chg="add del mod">
          <ac:chgData name="Ogot, Mark Lester" userId="0b3da0ae-959c-459a-985f-9d43681ba7f4" providerId="ADAL" clId="{740736AA-2D8A-477F-8F00-B7CA75F7113B}" dt="2023-02-22T15:00:45.406" v="7311" actId="478"/>
          <ac:cxnSpMkLst>
            <pc:docMk/>
            <pc:sldMk cId="720158102" sldId="1403"/>
            <ac:cxnSpMk id="41" creationId="{40359211-CDD1-1697-B158-D3D91F94898C}"/>
          </ac:cxnSpMkLst>
        </pc:cxnChg>
        <pc:cxnChg chg="add del mod">
          <ac:chgData name="Ogot, Mark Lester" userId="0b3da0ae-959c-459a-985f-9d43681ba7f4" providerId="ADAL" clId="{740736AA-2D8A-477F-8F00-B7CA75F7113B}" dt="2023-02-22T15:00:45.406" v="7311" actId="478"/>
          <ac:cxnSpMkLst>
            <pc:docMk/>
            <pc:sldMk cId="720158102" sldId="1403"/>
            <ac:cxnSpMk id="45" creationId="{93EB9CE7-C3F8-E69A-C84C-951F0D463F9E}"/>
          </ac:cxnSpMkLst>
        </pc:cxnChg>
        <pc:cxnChg chg="add del mod">
          <ac:chgData name="Ogot, Mark Lester" userId="0b3da0ae-959c-459a-985f-9d43681ba7f4" providerId="ADAL" clId="{740736AA-2D8A-477F-8F00-B7CA75F7113B}" dt="2023-02-22T15:00:45.406" v="7311" actId="478"/>
          <ac:cxnSpMkLst>
            <pc:docMk/>
            <pc:sldMk cId="720158102" sldId="1403"/>
            <ac:cxnSpMk id="51" creationId="{7B1C8A8A-5342-0252-3AAB-42E4CC24E530}"/>
          </ac:cxnSpMkLst>
        </pc:cxnChg>
        <pc:cxnChg chg="add del mod">
          <ac:chgData name="Ogot, Mark Lester" userId="0b3da0ae-959c-459a-985f-9d43681ba7f4" providerId="ADAL" clId="{740736AA-2D8A-477F-8F00-B7CA75F7113B}" dt="2023-02-22T15:00:45.406" v="7311" actId="478"/>
          <ac:cxnSpMkLst>
            <pc:docMk/>
            <pc:sldMk cId="720158102" sldId="1403"/>
            <ac:cxnSpMk id="61" creationId="{FFE3B15E-5F07-731E-5EDD-277252786A77}"/>
          </ac:cxnSpMkLst>
        </pc:cxnChg>
        <pc:cxnChg chg="add del mod">
          <ac:chgData name="Ogot, Mark Lester" userId="0b3da0ae-959c-459a-985f-9d43681ba7f4" providerId="ADAL" clId="{740736AA-2D8A-477F-8F00-B7CA75F7113B}" dt="2023-02-22T15:00:45.406" v="7311" actId="478"/>
          <ac:cxnSpMkLst>
            <pc:docMk/>
            <pc:sldMk cId="720158102" sldId="1403"/>
            <ac:cxnSpMk id="79" creationId="{90E76024-5655-3BCA-7965-D18CCC022524}"/>
          </ac:cxnSpMkLst>
        </pc:cxnChg>
      </pc:sldChg>
      <pc:sldMasterChg chg="addSp modSldLayout">
        <pc:chgData name="Ogot, Mark Lester" userId="0b3da0ae-959c-459a-985f-9d43681ba7f4" providerId="ADAL" clId="{740736AA-2D8A-477F-8F00-B7CA75F7113B}" dt="2023-02-21T23:05:20.284" v="2586"/>
        <pc:sldMasterMkLst>
          <pc:docMk/>
          <pc:sldMasterMk cId="2375069162" sldId="2147483660"/>
        </pc:sldMasterMkLst>
        <pc:spChg chg="add">
          <ac:chgData name="Ogot, Mark Lester" userId="0b3da0ae-959c-459a-985f-9d43681ba7f4" providerId="ADAL" clId="{740736AA-2D8A-477F-8F00-B7CA75F7113B}" dt="2023-02-21T23:05:20.284" v="2586"/>
          <ac:spMkLst>
            <pc:docMk/>
            <pc:sldMasterMk cId="2375069162" sldId="2147483660"/>
            <ac:spMk id="8" creationId="{F445A57E-2715-9792-5F23-BC11F4C92D0F}"/>
          </ac:spMkLst>
        </pc:spChg>
        <pc:spChg chg="add">
          <ac:chgData name="Ogot, Mark Lester" userId="0b3da0ae-959c-459a-985f-9d43681ba7f4" providerId="ADAL" clId="{740736AA-2D8A-477F-8F00-B7CA75F7113B}" dt="2023-02-21T23:05:20.284" v="2586"/>
          <ac:spMkLst>
            <pc:docMk/>
            <pc:sldMasterMk cId="2375069162" sldId="2147483660"/>
            <ac:spMk id="9" creationId="{05A3D9EB-F025-F602-2F81-70175473224E}"/>
          </ac:spMkLst>
        </pc:spChg>
        <pc:picChg chg="add">
          <ac:chgData name="Ogot, Mark Lester" userId="0b3da0ae-959c-459a-985f-9d43681ba7f4" providerId="ADAL" clId="{740736AA-2D8A-477F-8F00-B7CA75F7113B}" dt="2023-02-21T23:05:20.284" v="2586"/>
          <ac:picMkLst>
            <pc:docMk/>
            <pc:sldMasterMk cId="2375069162" sldId="2147483660"/>
            <ac:picMk id="7" creationId="{BDC6DAF4-32AD-F138-E0F0-EFE474287317}"/>
          </ac:picMkLst>
        </pc:picChg>
        <pc:sldLayoutChg chg="addSp">
          <pc:chgData name="Ogot, Mark Lester" userId="0b3da0ae-959c-459a-985f-9d43681ba7f4" providerId="ADAL" clId="{740736AA-2D8A-477F-8F00-B7CA75F7113B}" dt="2023-02-21T23:05:20.284" v="2586"/>
          <pc:sldLayoutMkLst>
            <pc:docMk/>
            <pc:sldMasterMk cId="2375069162" sldId="2147483660"/>
            <pc:sldLayoutMk cId="2183690345" sldId="2147483661"/>
          </pc:sldLayoutMkLst>
          <pc:picChg chg="add">
            <ac:chgData name="Ogot, Mark Lester" userId="0b3da0ae-959c-459a-985f-9d43681ba7f4" providerId="ADAL" clId="{740736AA-2D8A-477F-8F00-B7CA75F7113B}" dt="2023-02-21T23:05:20.284" v="2586"/>
            <ac:picMkLst>
              <pc:docMk/>
              <pc:sldMasterMk cId="2375069162" sldId="2147483660"/>
              <pc:sldLayoutMk cId="2183690345" sldId="2147483661"/>
              <ac:picMk id="7" creationId="{7E27F465-FCD2-EC6D-EFD9-A89877BAF364}"/>
            </ac:picMkLst>
          </pc:picChg>
        </pc:sldLayoutChg>
      </pc:sldMasterChg>
    </pc:docChg>
  </pc:docChgLst>
</pc:chgInfo>
</file>

<file path=ppt/diagrams/_rels/data2.xml.rels><?xml version="1.0" encoding="UTF-8" standalone="yes"?>
<Relationships xmlns="http://schemas.openxmlformats.org/package/2006/relationships"><Relationship Id="rId1" Type="http://schemas.openxmlformats.org/officeDocument/2006/relationships/image" Target="../media/image16.jpeg"/></Relationships>
</file>

<file path=ppt/diagrams/_rels/data3.xml.rels><?xml version="1.0" encoding="UTF-8" standalone="yes"?>
<Relationships xmlns="http://schemas.openxmlformats.org/package/2006/relationships"><Relationship Id="rId1" Type="http://schemas.openxmlformats.org/officeDocument/2006/relationships/image" Target="../media/image17.jpeg"/></Relationships>
</file>

<file path=ppt/diagrams/_rels/data4.xml.rels><?xml version="1.0" encoding="UTF-8" standalone="yes"?>
<Relationships xmlns="http://schemas.openxmlformats.org/package/2006/relationships"><Relationship Id="rId1" Type="http://schemas.openxmlformats.org/officeDocument/2006/relationships/image" Target="../media/image18.jpeg"/></Relationships>
</file>

<file path=ppt/diagrams/_rels/drawing2.xml.rels><?xml version="1.0" encoding="UTF-8" standalone="yes"?>
<Relationships xmlns="http://schemas.openxmlformats.org/package/2006/relationships"><Relationship Id="rId1" Type="http://schemas.openxmlformats.org/officeDocument/2006/relationships/image" Target="../media/image16.jpeg"/></Relationships>
</file>

<file path=ppt/diagrams/_rels/drawing3.xml.rels><?xml version="1.0" encoding="UTF-8" standalone="yes"?>
<Relationships xmlns="http://schemas.openxmlformats.org/package/2006/relationships"><Relationship Id="rId1" Type="http://schemas.openxmlformats.org/officeDocument/2006/relationships/image" Target="../media/image17.jpeg"/></Relationships>
</file>

<file path=ppt/diagrams/_rels/drawing4.xml.rels><?xml version="1.0" encoding="UTF-8" standalone="yes"?>
<Relationships xmlns="http://schemas.openxmlformats.org/package/2006/relationships"><Relationship Id="rId1" Type="http://schemas.openxmlformats.org/officeDocument/2006/relationships/image" Target="../media/image18.jpe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919401AC-F0F2-4BB6-B3F8-6A3B06F6010D}" type="doc">
      <dgm:prSet loTypeId="urn:microsoft.com/office/officeart/2005/8/layout/process1" loCatId="process" qsTypeId="urn:microsoft.com/office/officeart/2005/8/quickstyle/simple1" qsCatId="simple" csTypeId="urn:microsoft.com/office/officeart/2005/8/colors/accent1_2" csCatId="accent1" phldr="1"/>
      <dgm:spPr/>
    </dgm:pt>
    <dgm:pt modelId="{466528F4-CCFF-476D-AFA1-41167EB51987}">
      <dgm:prSet phldrT="[Text]"/>
      <dgm:spPr>
        <a:solidFill>
          <a:srgbClr val="00B050"/>
        </a:solidFill>
      </dgm:spPr>
      <dgm:t>
        <a:bodyPr/>
        <a:lstStyle/>
        <a:p>
          <a:r>
            <a:rPr lang="en-US"/>
            <a:t>Data Collection</a:t>
          </a:r>
          <a:endParaRPr lang="en-PH"/>
        </a:p>
      </dgm:t>
    </dgm:pt>
    <dgm:pt modelId="{F5046001-2D07-4E1A-B64D-7DBEFE3E9345}" type="parTrans" cxnId="{2DD05EC1-D5AF-4C90-9DCF-8009144F2EAE}">
      <dgm:prSet/>
      <dgm:spPr/>
      <dgm:t>
        <a:bodyPr/>
        <a:lstStyle/>
        <a:p>
          <a:endParaRPr lang="en-PH"/>
        </a:p>
      </dgm:t>
    </dgm:pt>
    <dgm:pt modelId="{ED73BF18-840E-41EA-8707-19D3E00B1E7F}" type="sibTrans" cxnId="{2DD05EC1-D5AF-4C90-9DCF-8009144F2EAE}">
      <dgm:prSet/>
      <dgm:spPr/>
      <dgm:t>
        <a:bodyPr/>
        <a:lstStyle/>
        <a:p>
          <a:endParaRPr lang="en-PH"/>
        </a:p>
      </dgm:t>
    </dgm:pt>
    <dgm:pt modelId="{317E8E17-1D9F-4496-A7CC-880CC8F4863C}">
      <dgm:prSet phldrT="[Text]"/>
      <dgm:spPr>
        <a:solidFill>
          <a:srgbClr val="FFC000"/>
        </a:solidFill>
      </dgm:spPr>
      <dgm:t>
        <a:bodyPr/>
        <a:lstStyle/>
        <a:p>
          <a:r>
            <a:rPr lang="en-US"/>
            <a:t>Desktop Review</a:t>
          </a:r>
          <a:endParaRPr lang="en-PH"/>
        </a:p>
      </dgm:t>
    </dgm:pt>
    <dgm:pt modelId="{9C9E1551-F722-42FD-8073-98D452574A87}" type="parTrans" cxnId="{2AAE88F6-F455-4AE9-817D-05008BAC948A}">
      <dgm:prSet/>
      <dgm:spPr/>
      <dgm:t>
        <a:bodyPr/>
        <a:lstStyle/>
        <a:p>
          <a:endParaRPr lang="en-PH"/>
        </a:p>
      </dgm:t>
    </dgm:pt>
    <dgm:pt modelId="{47854939-C395-4B3A-B729-5D8F085C6423}" type="sibTrans" cxnId="{2AAE88F6-F455-4AE9-817D-05008BAC948A}">
      <dgm:prSet/>
      <dgm:spPr/>
      <dgm:t>
        <a:bodyPr/>
        <a:lstStyle/>
        <a:p>
          <a:endParaRPr lang="en-PH"/>
        </a:p>
      </dgm:t>
    </dgm:pt>
    <dgm:pt modelId="{27E46EAF-58ED-4520-8868-23F7E84100A1}">
      <dgm:prSet phldrT="[Text]"/>
      <dgm:spPr>
        <a:solidFill>
          <a:srgbClr val="0070C0"/>
        </a:solidFill>
      </dgm:spPr>
      <dgm:t>
        <a:bodyPr/>
        <a:lstStyle/>
        <a:p>
          <a:r>
            <a:rPr lang="en-US"/>
            <a:t>Evaluation and Assessment</a:t>
          </a:r>
          <a:endParaRPr lang="en-PH"/>
        </a:p>
      </dgm:t>
    </dgm:pt>
    <dgm:pt modelId="{B3522F9D-6A3D-4308-96CF-AE41D38E4824}" type="parTrans" cxnId="{D8A36574-DC1F-4FB1-9BB9-7E180E7CBE2B}">
      <dgm:prSet/>
      <dgm:spPr/>
      <dgm:t>
        <a:bodyPr/>
        <a:lstStyle/>
        <a:p>
          <a:endParaRPr lang="en-PH"/>
        </a:p>
      </dgm:t>
    </dgm:pt>
    <dgm:pt modelId="{0928CC3F-5925-43DB-B96D-43B3E489069F}" type="sibTrans" cxnId="{D8A36574-DC1F-4FB1-9BB9-7E180E7CBE2B}">
      <dgm:prSet/>
      <dgm:spPr/>
      <dgm:t>
        <a:bodyPr/>
        <a:lstStyle/>
        <a:p>
          <a:endParaRPr lang="en-PH"/>
        </a:p>
      </dgm:t>
    </dgm:pt>
    <dgm:pt modelId="{F267CB62-FB85-4F59-99CF-40368F1F4561}" type="pres">
      <dgm:prSet presAssocID="{919401AC-F0F2-4BB6-B3F8-6A3B06F6010D}" presName="Name0" presStyleCnt="0">
        <dgm:presLayoutVars>
          <dgm:dir/>
          <dgm:resizeHandles val="exact"/>
        </dgm:presLayoutVars>
      </dgm:prSet>
      <dgm:spPr/>
    </dgm:pt>
    <dgm:pt modelId="{5211C4F6-BAC1-4464-81EC-3FA987033187}" type="pres">
      <dgm:prSet presAssocID="{466528F4-CCFF-476D-AFA1-41167EB51987}" presName="node" presStyleLbl="node1" presStyleIdx="0" presStyleCnt="3" custScaleY="60556">
        <dgm:presLayoutVars>
          <dgm:bulletEnabled val="1"/>
        </dgm:presLayoutVars>
      </dgm:prSet>
      <dgm:spPr/>
    </dgm:pt>
    <dgm:pt modelId="{C71CF930-1940-421C-9FF7-9BC6E419B0A6}" type="pres">
      <dgm:prSet presAssocID="{ED73BF18-840E-41EA-8707-19D3E00B1E7F}" presName="sibTrans" presStyleLbl="sibTrans2D1" presStyleIdx="0" presStyleCnt="2"/>
      <dgm:spPr/>
    </dgm:pt>
    <dgm:pt modelId="{347B153E-6548-43EC-BEFE-2F5EB1595840}" type="pres">
      <dgm:prSet presAssocID="{ED73BF18-840E-41EA-8707-19D3E00B1E7F}" presName="connectorText" presStyleLbl="sibTrans2D1" presStyleIdx="0" presStyleCnt="2"/>
      <dgm:spPr/>
    </dgm:pt>
    <dgm:pt modelId="{60ED558E-3F18-4F64-9814-1A5CF37812F1}" type="pres">
      <dgm:prSet presAssocID="{317E8E17-1D9F-4496-A7CC-880CC8F4863C}" presName="node" presStyleLbl="node1" presStyleIdx="1" presStyleCnt="3" custScaleY="62034">
        <dgm:presLayoutVars>
          <dgm:bulletEnabled val="1"/>
        </dgm:presLayoutVars>
      </dgm:prSet>
      <dgm:spPr/>
    </dgm:pt>
    <dgm:pt modelId="{86FDB64A-4635-4AE9-8E44-3411546D210E}" type="pres">
      <dgm:prSet presAssocID="{47854939-C395-4B3A-B729-5D8F085C6423}" presName="sibTrans" presStyleLbl="sibTrans2D1" presStyleIdx="1" presStyleCnt="2"/>
      <dgm:spPr/>
    </dgm:pt>
    <dgm:pt modelId="{7C722C17-7A71-4ECC-8240-3FE31A08D200}" type="pres">
      <dgm:prSet presAssocID="{47854939-C395-4B3A-B729-5D8F085C6423}" presName="connectorText" presStyleLbl="sibTrans2D1" presStyleIdx="1" presStyleCnt="2"/>
      <dgm:spPr/>
    </dgm:pt>
    <dgm:pt modelId="{B176A3A4-E5D2-4ACB-A1A1-2E6E951E5A30}" type="pres">
      <dgm:prSet presAssocID="{27E46EAF-58ED-4520-8868-23F7E84100A1}" presName="node" presStyleLbl="node1" presStyleIdx="2" presStyleCnt="3" custScaleY="57304">
        <dgm:presLayoutVars>
          <dgm:bulletEnabled val="1"/>
        </dgm:presLayoutVars>
      </dgm:prSet>
      <dgm:spPr/>
    </dgm:pt>
  </dgm:ptLst>
  <dgm:cxnLst>
    <dgm:cxn modelId="{9BB90B5D-6B68-4A36-A51F-CA4B356926D1}" type="presOf" srcId="{27E46EAF-58ED-4520-8868-23F7E84100A1}" destId="{B176A3A4-E5D2-4ACB-A1A1-2E6E951E5A30}" srcOrd="0" destOrd="0" presId="urn:microsoft.com/office/officeart/2005/8/layout/process1"/>
    <dgm:cxn modelId="{72668346-A98A-4AF3-B750-B44B071A70FF}" type="presOf" srcId="{919401AC-F0F2-4BB6-B3F8-6A3B06F6010D}" destId="{F267CB62-FB85-4F59-99CF-40368F1F4561}" srcOrd="0" destOrd="0" presId="urn:microsoft.com/office/officeart/2005/8/layout/process1"/>
    <dgm:cxn modelId="{28ADFA69-E882-4D69-8DCF-B1A59698E000}" type="presOf" srcId="{47854939-C395-4B3A-B729-5D8F085C6423}" destId="{7C722C17-7A71-4ECC-8240-3FE31A08D200}" srcOrd="1" destOrd="0" presId="urn:microsoft.com/office/officeart/2005/8/layout/process1"/>
    <dgm:cxn modelId="{6B4D834F-8266-4131-897F-702D24A0B3FE}" type="presOf" srcId="{ED73BF18-840E-41EA-8707-19D3E00B1E7F}" destId="{C71CF930-1940-421C-9FF7-9BC6E419B0A6}" srcOrd="0" destOrd="0" presId="urn:microsoft.com/office/officeart/2005/8/layout/process1"/>
    <dgm:cxn modelId="{D8A36574-DC1F-4FB1-9BB9-7E180E7CBE2B}" srcId="{919401AC-F0F2-4BB6-B3F8-6A3B06F6010D}" destId="{27E46EAF-58ED-4520-8868-23F7E84100A1}" srcOrd="2" destOrd="0" parTransId="{B3522F9D-6A3D-4308-96CF-AE41D38E4824}" sibTransId="{0928CC3F-5925-43DB-B96D-43B3E489069F}"/>
    <dgm:cxn modelId="{04806159-671C-40F4-B88B-043625C98C64}" type="presOf" srcId="{ED73BF18-840E-41EA-8707-19D3E00B1E7F}" destId="{347B153E-6548-43EC-BEFE-2F5EB1595840}" srcOrd="1" destOrd="0" presId="urn:microsoft.com/office/officeart/2005/8/layout/process1"/>
    <dgm:cxn modelId="{F14285B0-22B7-443D-BDE3-73897ECF7102}" type="presOf" srcId="{47854939-C395-4B3A-B729-5D8F085C6423}" destId="{86FDB64A-4635-4AE9-8E44-3411546D210E}" srcOrd="0" destOrd="0" presId="urn:microsoft.com/office/officeart/2005/8/layout/process1"/>
    <dgm:cxn modelId="{2DD05EC1-D5AF-4C90-9DCF-8009144F2EAE}" srcId="{919401AC-F0F2-4BB6-B3F8-6A3B06F6010D}" destId="{466528F4-CCFF-476D-AFA1-41167EB51987}" srcOrd="0" destOrd="0" parTransId="{F5046001-2D07-4E1A-B64D-7DBEFE3E9345}" sibTransId="{ED73BF18-840E-41EA-8707-19D3E00B1E7F}"/>
    <dgm:cxn modelId="{85F2D8EC-5DFF-46D1-AD85-9371BB4BE2F3}" type="presOf" srcId="{317E8E17-1D9F-4496-A7CC-880CC8F4863C}" destId="{60ED558E-3F18-4F64-9814-1A5CF37812F1}" srcOrd="0" destOrd="0" presId="urn:microsoft.com/office/officeart/2005/8/layout/process1"/>
    <dgm:cxn modelId="{37E7D0EE-8376-4D27-BB54-DCE586680BBC}" type="presOf" srcId="{466528F4-CCFF-476D-AFA1-41167EB51987}" destId="{5211C4F6-BAC1-4464-81EC-3FA987033187}" srcOrd="0" destOrd="0" presId="urn:microsoft.com/office/officeart/2005/8/layout/process1"/>
    <dgm:cxn modelId="{2AAE88F6-F455-4AE9-817D-05008BAC948A}" srcId="{919401AC-F0F2-4BB6-B3F8-6A3B06F6010D}" destId="{317E8E17-1D9F-4496-A7CC-880CC8F4863C}" srcOrd="1" destOrd="0" parTransId="{9C9E1551-F722-42FD-8073-98D452574A87}" sibTransId="{47854939-C395-4B3A-B729-5D8F085C6423}"/>
    <dgm:cxn modelId="{3708267F-CCAF-457A-BBD8-B053A76C64DA}" type="presParOf" srcId="{F267CB62-FB85-4F59-99CF-40368F1F4561}" destId="{5211C4F6-BAC1-4464-81EC-3FA987033187}" srcOrd="0" destOrd="0" presId="urn:microsoft.com/office/officeart/2005/8/layout/process1"/>
    <dgm:cxn modelId="{0D9AA5F9-AEAE-4C60-91E0-0ADEFB66D81D}" type="presParOf" srcId="{F267CB62-FB85-4F59-99CF-40368F1F4561}" destId="{C71CF930-1940-421C-9FF7-9BC6E419B0A6}" srcOrd="1" destOrd="0" presId="urn:microsoft.com/office/officeart/2005/8/layout/process1"/>
    <dgm:cxn modelId="{8E8225C8-F32D-44FE-9C19-14B11D63A843}" type="presParOf" srcId="{C71CF930-1940-421C-9FF7-9BC6E419B0A6}" destId="{347B153E-6548-43EC-BEFE-2F5EB1595840}" srcOrd="0" destOrd="0" presId="urn:microsoft.com/office/officeart/2005/8/layout/process1"/>
    <dgm:cxn modelId="{FF63E939-4A90-43F0-92A0-13612752642E}" type="presParOf" srcId="{F267CB62-FB85-4F59-99CF-40368F1F4561}" destId="{60ED558E-3F18-4F64-9814-1A5CF37812F1}" srcOrd="2" destOrd="0" presId="urn:microsoft.com/office/officeart/2005/8/layout/process1"/>
    <dgm:cxn modelId="{9B52F193-899F-45F2-8714-CA26B5270508}" type="presParOf" srcId="{F267CB62-FB85-4F59-99CF-40368F1F4561}" destId="{86FDB64A-4635-4AE9-8E44-3411546D210E}" srcOrd="3" destOrd="0" presId="urn:microsoft.com/office/officeart/2005/8/layout/process1"/>
    <dgm:cxn modelId="{2544CF81-5E12-4D14-8DD5-F2324C2F2008}" type="presParOf" srcId="{86FDB64A-4635-4AE9-8E44-3411546D210E}" destId="{7C722C17-7A71-4ECC-8240-3FE31A08D200}" srcOrd="0" destOrd="0" presId="urn:microsoft.com/office/officeart/2005/8/layout/process1"/>
    <dgm:cxn modelId="{1E0D62BE-8642-4376-8AAE-31423A1FBD0D}" type="presParOf" srcId="{F267CB62-FB85-4F59-99CF-40368F1F4561}" destId="{B176A3A4-E5D2-4ACB-A1A1-2E6E951E5A30}" srcOrd="4" destOrd="0" presId="urn:microsoft.com/office/officeart/2005/8/layout/process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1F02507-40C8-4FF1-B398-6DC95951A5C2}" type="doc">
      <dgm:prSet loTypeId="urn:microsoft.com/office/officeart/2005/8/layout/bList2" loCatId="list" qsTypeId="urn:microsoft.com/office/officeart/2005/8/quickstyle/simple1" qsCatId="simple" csTypeId="urn:microsoft.com/office/officeart/2005/8/colors/accent1_2" csCatId="accent1" phldr="1"/>
      <dgm:spPr/>
      <dgm:t>
        <a:bodyPr/>
        <a:lstStyle/>
        <a:p>
          <a:endParaRPr lang="en-PH"/>
        </a:p>
      </dgm:t>
    </dgm:pt>
    <dgm:pt modelId="{FBACF1F7-9C73-49F2-AB70-F5A7F66C4B1D}">
      <dgm:prSet/>
      <dgm:spPr/>
      <dgm:t>
        <a:bodyPr/>
        <a:lstStyle/>
        <a:p>
          <a:r>
            <a:rPr lang="en-PH"/>
            <a:t>Arcadis will obtain data through:</a:t>
          </a:r>
        </a:p>
      </dgm:t>
    </dgm:pt>
    <dgm:pt modelId="{FA8478E3-1C7A-412D-B7E5-999DD1902D15}" type="parTrans" cxnId="{4FCAFB57-202B-4356-BBF4-0B470EF3BC6A}">
      <dgm:prSet/>
      <dgm:spPr/>
      <dgm:t>
        <a:bodyPr/>
        <a:lstStyle/>
        <a:p>
          <a:endParaRPr lang="en-PH"/>
        </a:p>
      </dgm:t>
    </dgm:pt>
    <dgm:pt modelId="{E140FA62-4AF0-4C69-BF2D-9ACAC351FD6B}" type="sibTrans" cxnId="{4FCAFB57-202B-4356-BBF4-0B470EF3BC6A}">
      <dgm:prSet/>
      <dgm:spPr/>
      <dgm:t>
        <a:bodyPr/>
        <a:lstStyle/>
        <a:p>
          <a:endParaRPr lang="en-PH"/>
        </a:p>
      </dgm:t>
    </dgm:pt>
    <dgm:pt modelId="{48035ABC-E534-4BBD-A073-48D2C0050996}">
      <dgm:prSet/>
      <dgm:spPr/>
      <dgm:t>
        <a:bodyPr/>
        <a:lstStyle/>
        <a:p>
          <a:r>
            <a:rPr lang="en-PH"/>
            <a:t>Public Documents </a:t>
          </a:r>
        </a:p>
      </dgm:t>
    </dgm:pt>
    <dgm:pt modelId="{94B8FEB1-0856-4814-B55F-45D1A0AFF7FF}" type="parTrans" cxnId="{473D0227-218C-42E4-86D3-C004AEE37447}">
      <dgm:prSet/>
      <dgm:spPr/>
      <dgm:t>
        <a:bodyPr/>
        <a:lstStyle/>
        <a:p>
          <a:endParaRPr lang="en-PH"/>
        </a:p>
      </dgm:t>
    </dgm:pt>
    <dgm:pt modelId="{B91F2BF1-41BC-4370-8CB4-854B8C143DEF}" type="sibTrans" cxnId="{473D0227-218C-42E4-86D3-C004AEE37447}">
      <dgm:prSet/>
      <dgm:spPr/>
      <dgm:t>
        <a:bodyPr/>
        <a:lstStyle/>
        <a:p>
          <a:endParaRPr lang="en-PH"/>
        </a:p>
      </dgm:t>
    </dgm:pt>
    <dgm:pt modelId="{61B7B06E-F460-408F-B537-4678972285AC}">
      <dgm:prSet/>
      <dgm:spPr/>
      <dgm:t>
        <a:bodyPr/>
        <a:lstStyle/>
        <a:p>
          <a:r>
            <a:rPr lang="en-PH"/>
            <a:t>ICRC Obtained Documents </a:t>
          </a:r>
        </a:p>
      </dgm:t>
    </dgm:pt>
    <dgm:pt modelId="{1A8882A9-5837-4576-BE4E-54C1C4C2097B}" type="parTrans" cxnId="{B3F30F25-F95D-44E0-B102-DF0AF0DDC480}">
      <dgm:prSet/>
      <dgm:spPr/>
      <dgm:t>
        <a:bodyPr/>
        <a:lstStyle/>
        <a:p>
          <a:endParaRPr lang="en-PH"/>
        </a:p>
      </dgm:t>
    </dgm:pt>
    <dgm:pt modelId="{30A9BEA3-736F-44F5-9BBA-C6AB5D140B5A}" type="sibTrans" cxnId="{B3F30F25-F95D-44E0-B102-DF0AF0DDC480}">
      <dgm:prSet/>
      <dgm:spPr/>
      <dgm:t>
        <a:bodyPr/>
        <a:lstStyle/>
        <a:p>
          <a:endParaRPr lang="en-PH"/>
        </a:p>
      </dgm:t>
    </dgm:pt>
    <dgm:pt modelId="{02BA14B3-5D96-49CB-BC13-7CEEA23C61E9}">
      <dgm:prSet/>
      <dgm:spPr/>
      <dgm:t>
        <a:bodyPr/>
        <a:lstStyle/>
        <a:p>
          <a:r>
            <a:rPr lang="en-PH"/>
            <a:t>Online interviews of relevant persons (If possible)</a:t>
          </a:r>
        </a:p>
      </dgm:t>
    </dgm:pt>
    <dgm:pt modelId="{E272B221-0627-49D0-97B8-985D865A225A}" type="parTrans" cxnId="{22149906-2DCA-45D5-B51C-E3976B8A95A5}">
      <dgm:prSet/>
      <dgm:spPr/>
      <dgm:t>
        <a:bodyPr/>
        <a:lstStyle/>
        <a:p>
          <a:endParaRPr lang="en-PH"/>
        </a:p>
      </dgm:t>
    </dgm:pt>
    <dgm:pt modelId="{A13CA117-31B1-4AD7-9DC6-6B129909FF67}" type="sibTrans" cxnId="{22149906-2DCA-45D5-B51C-E3976B8A95A5}">
      <dgm:prSet/>
      <dgm:spPr/>
      <dgm:t>
        <a:bodyPr/>
        <a:lstStyle/>
        <a:p>
          <a:endParaRPr lang="en-PH"/>
        </a:p>
      </dgm:t>
    </dgm:pt>
    <dgm:pt modelId="{36236AE7-7601-4448-B915-CFFA854D75FB}">
      <dgm:prSet/>
      <dgm:spPr/>
      <dgm:t>
        <a:bodyPr/>
        <a:lstStyle/>
        <a:p>
          <a:r>
            <a:rPr lang="en-PH"/>
            <a:t>Journal Articles (if found any)</a:t>
          </a:r>
        </a:p>
      </dgm:t>
    </dgm:pt>
    <dgm:pt modelId="{9E659822-BF48-4E10-9B66-E4D07885B0A9}" type="parTrans" cxnId="{8C1C6164-A8F2-4E20-8351-DF2C2EB0D1AD}">
      <dgm:prSet/>
      <dgm:spPr/>
      <dgm:t>
        <a:bodyPr/>
        <a:lstStyle/>
        <a:p>
          <a:endParaRPr lang="en-PH"/>
        </a:p>
      </dgm:t>
    </dgm:pt>
    <dgm:pt modelId="{A39806EC-043F-440F-8A89-BA615B746F88}" type="sibTrans" cxnId="{8C1C6164-A8F2-4E20-8351-DF2C2EB0D1AD}">
      <dgm:prSet/>
      <dgm:spPr/>
      <dgm:t>
        <a:bodyPr/>
        <a:lstStyle/>
        <a:p>
          <a:endParaRPr lang="en-PH"/>
        </a:p>
      </dgm:t>
    </dgm:pt>
    <dgm:pt modelId="{A1C14684-F77D-438A-86E0-55263A663C56}">
      <dgm:prSet/>
      <dgm:spPr/>
      <dgm:t>
        <a:bodyPr/>
        <a:lstStyle/>
        <a:p>
          <a:r>
            <a:rPr lang="en-PH"/>
            <a:t>Internet Information sources</a:t>
          </a:r>
        </a:p>
      </dgm:t>
    </dgm:pt>
    <dgm:pt modelId="{66EE19E2-E20D-463C-915A-21F8CF1977DF}" type="parTrans" cxnId="{7573F707-2452-4ACC-91FF-878534C2F6A7}">
      <dgm:prSet/>
      <dgm:spPr/>
      <dgm:t>
        <a:bodyPr/>
        <a:lstStyle/>
        <a:p>
          <a:endParaRPr lang="en-PH"/>
        </a:p>
      </dgm:t>
    </dgm:pt>
    <dgm:pt modelId="{492CDF83-027B-4B5E-B175-AE459BEF44F8}" type="sibTrans" cxnId="{7573F707-2452-4ACC-91FF-878534C2F6A7}">
      <dgm:prSet/>
      <dgm:spPr/>
      <dgm:t>
        <a:bodyPr/>
        <a:lstStyle/>
        <a:p>
          <a:endParaRPr lang="en-PH"/>
        </a:p>
      </dgm:t>
    </dgm:pt>
    <dgm:pt modelId="{0CD8A1B4-CEC7-4C50-B3BE-264406B0148D}" type="pres">
      <dgm:prSet presAssocID="{A1F02507-40C8-4FF1-B398-6DC95951A5C2}" presName="diagram" presStyleCnt="0">
        <dgm:presLayoutVars>
          <dgm:dir/>
          <dgm:animLvl val="lvl"/>
          <dgm:resizeHandles val="exact"/>
        </dgm:presLayoutVars>
      </dgm:prSet>
      <dgm:spPr/>
    </dgm:pt>
    <dgm:pt modelId="{A0F0902B-02E3-454A-A30C-6C2B3B7AF584}" type="pres">
      <dgm:prSet presAssocID="{FBACF1F7-9C73-49F2-AB70-F5A7F66C4B1D}" presName="compNode" presStyleCnt="0"/>
      <dgm:spPr/>
    </dgm:pt>
    <dgm:pt modelId="{47FBBF6F-C5F9-4F1F-9D25-E36D791807D2}" type="pres">
      <dgm:prSet presAssocID="{FBACF1F7-9C73-49F2-AB70-F5A7F66C4B1D}" presName="childRect" presStyleLbl="bgAcc1" presStyleIdx="0" presStyleCnt="1">
        <dgm:presLayoutVars>
          <dgm:bulletEnabled val="1"/>
        </dgm:presLayoutVars>
      </dgm:prSet>
      <dgm:spPr/>
    </dgm:pt>
    <dgm:pt modelId="{14A0B7F1-E7E5-45EF-85FE-44152DBC40D5}" type="pres">
      <dgm:prSet presAssocID="{FBACF1F7-9C73-49F2-AB70-F5A7F66C4B1D}" presName="parentText" presStyleLbl="node1" presStyleIdx="0" presStyleCnt="0">
        <dgm:presLayoutVars>
          <dgm:chMax val="0"/>
          <dgm:bulletEnabled val="1"/>
        </dgm:presLayoutVars>
      </dgm:prSet>
      <dgm:spPr/>
    </dgm:pt>
    <dgm:pt modelId="{BE1FD9AB-1F16-4322-AAFA-5D0A4E874DAC}" type="pres">
      <dgm:prSet presAssocID="{FBACF1F7-9C73-49F2-AB70-F5A7F66C4B1D}" presName="parentRect" presStyleLbl="alignNode1" presStyleIdx="0" presStyleCnt="1"/>
      <dgm:spPr/>
    </dgm:pt>
    <dgm:pt modelId="{54A8A0ED-91C0-4FFA-A5C1-C8D8AA03332F}" type="pres">
      <dgm:prSet presAssocID="{FBACF1F7-9C73-49F2-AB70-F5A7F66C4B1D}" presName="adorn" presStyleLbl="fgAccFollowNode1" presStyleIdx="0" presStyleCnt="1"/>
      <dgm:spPr>
        <a:blipFill>
          <a:blip xmlns:r="http://schemas.openxmlformats.org/officeDocument/2006/relationships" r:embed="rId1">
            <a:extLst>
              <a:ext uri="{28A0092B-C50C-407E-A947-70E740481C1C}">
                <a14:useLocalDpi xmlns:a14="http://schemas.microsoft.com/office/drawing/2010/main" val="0"/>
              </a:ext>
            </a:extLst>
          </a:blip>
          <a:srcRect/>
          <a:stretch>
            <a:fillRect l="-25000" r="-25000"/>
          </a:stretch>
        </a:blipFill>
      </dgm:spPr>
    </dgm:pt>
  </dgm:ptLst>
  <dgm:cxnLst>
    <dgm:cxn modelId="{22149906-2DCA-45D5-B51C-E3976B8A95A5}" srcId="{FBACF1F7-9C73-49F2-AB70-F5A7F66C4B1D}" destId="{02BA14B3-5D96-49CB-BC13-7CEEA23C61E9}" srcOrd="2" destOrd="0" parTransId="{E272B221-0627-49D0-97B8-985D865A225A}" sibTransId="{A13CA117-31B1-4AD7-9DC6-6B129909FF67}"/>
    <dgm:cxn modelId="{7573F707-2452-4ACC-91FF-878534C2F6A7}" srcId="{FBACF1F7-9C73-49F2-AB70-F5A7F66C4B1D}" destId="{A1C14684-F77D-438A-86E0-55263A663C56}" srcOrd="4" destOrd="0" parTransId="{66EE19E2-E20D-463C-915A-21F8CF1977DF}" sibTransId="{492CDF83-027B-4B5E-B175-AE459BEF44F8}"/>
    <dgm:cxn modelId="{B3F30F25-F95D-44E0-B102-DF0AF0DDC480}" srcId="{FBACF1F7-9C73-49F2-AB70-F5A7F66C4B1D}" destId="{61B7B06E-F460-408F-B537-4678972285AC}" srcOrd="1" destOrd="0" parTransId="{1A8882A9-5837-4576-BE4E-54C1C4C2097B}" sibTransId="{30A9BEA3-736F-44F5-9BBA-C6AB5D140B5A}"/>
    <dgm:cxn modelId="{473D0227-218C-42E4-86D3-C004AEE37447}" srcId="{FBACF1F7-9C73-49F2-AB70-F5A7F66C4B1D}" destId="{48035ABC-E534-4BBD-A073-48D2C0050996}" srcOrd="0" destOrd="0" parTransId="{94B8FEB1-0856-4814-B55F-45D1A0AFF7FF}" sibTransId="{B91F2BF1-41BC-4370-8CB4-854B8C143DEF}"/>
    <dgm:cxn modelId="{8C1C6164-A8F2-4E20-8351-DF2C2EB0D1AD}" srcId="{FBACF1F7-9C73-49F2-AB70-F5A7F66C4B1D}" destId="{36236AE7-7601-4448-B915-CFFA854D75FB}" srcOrd="3" destOrd="0" parTransId="{9E659822-BF48-4E10-9B66-E4D07885B0A9}" sibTransId="{A39806EC-043F-440F-8A89-BA615B746F88}"/>
    <dgm:cxn modelId="{7047A246-E74A-4D5D-AF53-87D0FA7027A2}" type="presOf" srcId="{02BA14B3-5D96-49CB-BC13-7CEEA23C61E9}" destId="{47FBBF6F-C5F9-4F1F-9D25-E36D791807D2}" srcOrd="0" destOrd="2" presId="urn:microsoft.com/office/officeart/2005/8/layout/bList2"/>
    <dgm:cxn modelId="{4FCAFB57-202B-4356-BBF4-0B470EF3BC6A}" srcId="{A1F02507-40C8-4FF1-B398-6DC95951A5C2}" destId="{FBACF1F7-9C73-49F2-AB70-F5A7F66C4B1D}" srcOrd="0" destOrd="0" parTransId="{FA8478E3-1C7A-412D-B7E5-999DD1902D15}" sibTransId="{E140FA62-4AF0-4C69-BF2D-9ACAC351FD6B}"/>
    <dgm:cxn modelId="{D7ED605A-DB84-4056-9500-B7EDBAC85B7F}" type="presOf" srcId="{36236AE7-7601-4448-B915-CFFA854D75FB}" destId="{47FBBF6F-C5F9-4F1F-9D25-E36D791807D2}" srcOrd="0" destOrd="3" presId="urn:microsoft.com/office/officeart/2005/8/layout/bList2"/>
    <dgm:cxn modelId="{41AB159A-8062-4617-A40F-0CC4DC29C9E9}" type="presOf" srcId="{FBACF1F7-9C73-49F2-AB70-F5A7F66C4B1D}" destId="{BE1FD9AB-1F16-4322-AAFA-5D0A4E874DAC}" srcOrd="1" destOrd="0" presId="urn:microsoft.com/office/officeart/2005/8/layout/bList2"/>
    <dgm:cxn modelId="{6398ABA8-5385-4526-BC42-F9E1C5EE3E41}" type="presOf" srcId="{A1F02507-40C8-4FF1-B398-6DC95951A5C2}" destId="{0CD8A1B4-CEC7-4C50-B3BE-264406B0148D}" srcOrd="0" destOrd="0" presId="urn:microsoft.com/office/officeart/2005/8/layout/bList2"/>
    <dgm:cxn modelId="{0FE774D5-6564-4933-A8FB-CCB1A05B45FE}" type="presOf" srcId="{61B7B06E-F460-408F-B537-4678972285AC}" destId="{47FBBF6F-C5F9-4F1F-9D25-E36D791807D2}" srcOrd="0" destOrd="1" presId="urn:microsoft.com/office/officeart/2005/8/layout/bList2"/>
    <dgm:cxn modelId="{885798E2-ECF8-42A1-8F7A-1BFC05D9D860}" type="presOf" srcId="{A1C14684-F77D-438A-86E0-55263A663C56}" destId="{47FBBF6F-C5F9-4F1F-9D25-E36D791807D2}" srcOrd="0" destOrd="4" presId="urn:microsoft.com/office/officeart/2005/8/layout/bList2"/>
    <dgm:cxn modelId="{A35351E6-8C1C-4231-919D-6F3296E7E70C}" type="presOf" srcId="{48035ABC-E534-4BBD-A073-48D2C0050996}" destId="{47FBBF6F-C5F9-4F1F-9D25-E36D791807D2}" srcOrd="0" destOrd="0" presId="urn:microsoft.com/office/officeart/2005/8/layout/bList2"/>
    <dgm:cxn modelId="{456059F8-8384-46DD-BF52-CE04AE091A4D}" type="presOf" srcId="{FBACF1F7-9C73-49F2-AB70-F5A7F66C4B1D}" destId="{14A0B7F1-E7E5-45EF-85FE-44152DBC40D5}" srcOrd="0" destOrd="0" presId="urn:microsoft.com/office/officeart/2005/8/layout/bList2"/>
    <dgm:cxn modelId="{EB6C6838-712C-4537-8AEB-2BF12E7FA8BD}" type="presParOf" srcId="{0CD8A1B4-CEC7-4C50-B3BE-264406B0148D}" destId="{A0F0902B-02E3-454A-A30C-6C2B3B7AF584}" srcOrd="0" destOrd="0" presId="urn:microsoft.com/office/officeart/2005/8/layout/bList2"/>
    <dgm:cxn modelId="{1921AD47-9482-429A-827A-17CF8DB3C854}" type="presParOf" srcId="{A0F0902B-02E3-454A-A30C-6C2B3B7AF584}" destId="{47FBBF6F-C5F9-4F1F-9D25-E36D791807D2}" srcOrd="0" destOrd="0" presId="urn:microsoft.com/office/officeart/2005/8/layout/bList2"/>
    <dgm:cxn modelId="{32D11A86-98EC-4E5E-85C2-4DCF10D14192}" type="presParOf" srcId="{A0F0902B-02E3-454A-A30C-6C2B3B7AF584}" destId="{14A0B7F1-E7E5-45EF-85FE-44152DBC40D5}" srcOrd="1" destOrd="0" presId="urn:microsoft.com/office/officeart/2005/8/layout/bList2"/>
    <dgm:cxn modelId="{4484AC2B-31A3-4FD4-9079-4A9E98B59D8F}" type="presParOf" srcId="{A0F0902B-02E3-454A-A30C-6C2B3B7AF584}" destId="{BE1FD9AB-1F16-4322-AAFA-5D0A4E874DAC}" srcOrd="2" destOrd="0" presId="urn:microsoft.com/office/officeart/2005/8/layout/bList2"/>
    <dgm:cxn modelId="{4A5DF03D-2431-443C-8C61-B892DF413F91}" type="presParOf" srcId="{A0F0902B-02E3-454A-A30C-6C2B3B7AF584}" destId="{54A8A0ED-91C0-4FFA-A5C1-C8D8AA03332F}" srcOrd="3" destOrd="0" presId="urn:microsoft.com/office/officeart/2005/8/layout/bList2"/>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3362F2EB-F483-4CC6-AE34-AB04BD8AD559}" type="doc">
      <dgm:prSet loTypeId="urn:microsoft.com/office/officeart/2005/8/layout/bList2" loCatId="list" qsTypeId="urn:microsoft.com/office/officeart/2005/8/quickstyle/simple1" qsCatId="simple" csTypeId="urn:microsoft.com/office/officeart/2005/8/colors/accent1_2" csCatId="accent1" phldr="1"/>
      <dgm:spPr/>
      <dgm:t>
        <a:bodyPr/>
        <a:lstStyle/>
        <a:p>
          <a:endParaRPr lang="en-PH"/>
        </a:p>
      </dgm:t>
    </dgm:pt>
    <dgm:pt modelId="{0094F0AD-5BFC-49EB-A60B-4ED3C13A506D}">
      <dgm:prSet/>
      <dgm:spPr/>
      <dgm:t>
        <a:bodyPr/>
        <a:lstStyle/>
        <a:p>
          <a:r>
            <a:rPr lang="en-PH"/>
            <a:t>ECC Disaster Management related documents:</a:t>
          </a:r>
        </a:p>
      </dgm:t>
    </dgm:pt>
    <dgm:pt modelId="{F0A61368-D28B-4842-BA9E-4F20699A9E7D}" type="parTrans" cxnId="{3DA77257-5438-4E8B-AE63-8B1A1D3CDB06}">
      <dgm:prSet/>
      <dgm:spPr/>
      <dgm:t>
        <a:bodyPr/>
        <a:lstStyle/>
        <a:p>
          <a:endParaRPr lang="en-PH"/>
        </a:p>
      </dgm:t>
    </dgm:pt>
    <dgm:pt modelId="{C66B0E7A-7327-4CB5-BD95-22216B982C4F}" type="sibTrans" cxnId="{3DA77257-5438-4E8B-AE63-8B1A1D3CDB06}">
      <dgm:prSet/>
      <dgm:spPr/>
      <dgm:t>
        <a:bodyPr/>
        <a:lstStyle/>
        <a:p>
          <a:endParaRPr lang="en-PH"/>
        </a:p>
      </dgm:t>
    </dgm:pt>
    <dgm:pt modelId="{301C285A-B93B-40EC-B2BC-BB6BC0E6DB25}">
      <dgm:prSet custT="1"/>
      <dgm:spPr/>
      <dgm:t>
        <a:bodyPr/>
        <a:lstStyle/>
        <a:p>
          <a:r>
            <a:rPr lang="en-PH" sz="1300"/>
            <a:t>SOP</a:t>
          </a:r>
        </a:p>
      </dgm:t>
    </dgm:pt>
    <dgm:pt modelId="{A40C774D-AD4D-4E03-AE41-9E583EBC5536}" type="parTrans" cxnId="{EDF329F8-A2E3-4404-BF36-8147F616C84E}">
      <dgm:prSet/>
      <dgm:spPr/>
      <dgm:t>
        <a:bodyPr/>
        <a:lstStyle/>
        <a:p>
          <a:endParaRPr lang="en-PH"/>
        </a:p>
      </dgm:t>
    </dgm:pt>
    <dgm:pt modelId="{7AE11042-032D-47D5-BB05-A7E02BCB4AF0}" type="sibTrans" cxnId="{EDF329F8-A2E3-4404-BF36-8147F616C84E}">
      <dgm:prSet/>
      <dgm:spPr/>
      <dgm:t>
        <a:bodyPr/>
        <a:lstStyle/>
        <a:p>
          <a:endParaRPr lang="en-PH"/>
        </a:p>
      </dgm:t>
    </dgm:pt>
    <dgm:pt modelId="{FD986E35-389B-4860-B8B0-F7A96B1FBC04}">
      <dgm:prSet custT="1"/>
      <dgm:spPr/>
      <dgm:t>
        <a:bodyPr/>
        <a:lstStyle/>
        <a:p>
          <a:r>
            <a:rPr lang="en-PH" sz="1300"/>
            <a:t>Stakeholders</a:t>
          </a:r>
        </a:p>
      </dgm:t>
    </dgm:pt>
    <dgm:pt modelId="{704F194D-1C1B-4578-87B9-06CBDE2F05B6}" type="parTrans" cxnId="{C899D61F-DEA3-44F4-AFCA-CA9488D3A1B6}">
      <dgm:prSet/>
      <dgm:spPr/>
      <dgm:t>
        <a:bodyPr/>
        <a:lstStyle/>
        <a:p>
          <a:endParaRPr lang="en-PH"/>
        </a:p>
      </dgm:t>
    </dgm:pt>
    <dgm:pt modelId="{C8C8E4A0-C191-475F-9900-94457F2DEA3D}" type="sibTrans" cxnId="{C899D61F-DEA3-44F4-AFCA-CA9488D3A1B6}">
      <dgm:prSet/>
      <dgm:spPr/>
      <dgm:t>
        <a:bodyPr/>
        <a:lstStyle/>
        <a:p>
          <a:endParaRPr lang="en-PH"/>
        </a:p>
      </dgm:t>
    </dgm:pt>
    <dgm:pt modelId="{A4BB8AEF-BE70-47ED-9952-1AA397C52A2F}">
      <dgm:prSet custT="1"/>
      <dgm:spPr/>
      <dgm:t>
        <a:bodyPr/>
        <a:lstStyle/>
        <a:p>
          <a:r>
            <a:rPr lang="en-PH" sz="1300"/>
            <a:t>Legal and Policy Framework</a:t>
          </a:r>
        </a:p>
      </dgm:t>
    </dgm:pt>
    <dgm:pt modelId="{23E1EE82-6596-41D0-8F99-F491D859BB9F}" type="parTrans" cxnId="{26ADECBD-0D0C-4B08-B986-B63B4F06D2D8}">
      <dgm:prSet/>
      <dgm:spPr/>
      <dgm:t>
        <a:bodyPr/>
        <a:lstStyle/>
        <a:p>
          <a:endParaRPr lang="en-PH"/>
        </a:p>
      </dgm:t>
    </dgm:pt>
    <dgm:pt modelId="{7A147942-5827-4140-91AF-A08F390A9F39}" type="sibTrans" cxnId="{26ADECBD-0D0C-4B08-B986-B63B4F06D2D8}">
      <dgm:prSet/>
      <dgm:spPr/>
      <dgm:t>
        <a:bodyPr/>
        <a:lstStyle/>
        <a:p>
          <a:endParaRPr lang="en-PH"/>
        </a:p>
      </dgm:t>
    </dgm:pt>
    <dgm:pt modelId="{47CF9AE8-6A0B-419E-B757-018B15CFFCC0}">
      <dgm:prSet custT="1"/>
      <dgm:spPr/>
      <dgm:t>
        <a:bodyPr/>
        <a:lstStyle/>
        <a:p>
          <a:r>
            <a:rPr lang="en-PH" sz="1300"/>
            <a:t>Funding System</a:t>
          </a:r>
        </a:p>
      </dgm:t>
    </dgm:pt>
    <dgm:pt modelId="{77AFBD2A-EF78-4237-B085-73CF381FEDCF}" type="parTrans" cxnId="{A623EBEA-88A3-4A2F-9D61-BE068296C96D}">
      <dgm:prSet/>
      <dgm:spPr/>
      <dgm:t>
        <a:bodyPr/>
        <a:lstStyle/>
        <a:p>
          <a:endParaRPr lang="en-PH"/>
        </a:p>
      </dgm:t>
    </dgm:pt>
    <dgm:pt modelId="{941C8E31-6067-4D7D-8F80-953738C58DF1}" type="sibTrans" cxnId="{A623EBEA-88A3-4A2F-9D61-BE068296C96D}">
      <dgm:prSet/>
      <dgm:spPr/>
      <dgm:t>
        <a:bodyPr/>
        <a:lstStyle/>
        <a:p>
          <a:endParaRPr lang="en-PH"/>
        </a:p>
      </dgm:t>
    </dgm:pt>
    <dgm:pt modelId="{1C3ABBD6-C685-469D-BEA9-AF69DBA5E180}">
      <dgm:prSet custT="1"/>
      <dgm:spPr/>
      <dgm:t>
        <a:bodyPr/>
        <a:lstStyle/>
        <a:p>
          <a:r>
            <a:rPr lang="en-US" sz="1300"/>
            <a:t>Coordination Mechanism</a:t>
          </a:r>
          <a:endParaRPr lang="en-PH" sz="1300"/>
        </a:p>
      </dgm:t>
    </dgm:pt>
    <dgm:pt modelId="{CDE5FAFF-E237-4F83-B0F2-729D3A4729C4}" type="parTrans" cxnId="{57FC60E5-C922-4BF5-AE86-B8AA8B98B0D3}">
      <dgm:prSet/>
      <dgm:spPr/>
      <dgm:t>
        <a:bodyPr/>
        <a:lstStyle/>
        <a:p>
          <a:endParaRPr lang="en-PH"/>
        </a:p>
      </dgm:t>
    </dgm:pt>
    <dgm:pt modelId="{5D0E4185-FB7B-43E3-9182-15C632D3B488}" type="sibTrans" cxnId="{57FC60E5-C922-4BF5-AE86-B8AA8B98B0D3}">
      <dgm:prSet/>
      <dgm:spPr/>
      <dgm:t>
        <a:bodyPr/>
        <a:lstStyle/>
        <a:p>
          <a:endParaRPr lang="en-PH"/>
        </a:p>
      </dgm:t>
    </dgm:pt>
    <dgm:pt modelId="{67D9036A-7BEF-4549-BC31-1DB2424B6B72}" type="pres">
      <dgm:prSet presAssocID="{3362F2EB-F483-4CC6-AE34-AB04BD8AD559}" presName="diagram" presStyleCnt="0">
        <dgm:presLayoutVars>
          <dgm:dir/>
          <dgm:animLvl val="lvl"/>
          <dgm:resizeHandles val="exact"/>
        </dgm:presLayoutVars>
      </dgm:prSet>
      <dgm:spPr/>
    </dgm:pt>
    <dgm:pt modelId="{B2D1A780-1B99-4E9F-A869-CAB511B7D8CF}" type="pres">
      <dgm:prSet presAssocID="{0094F0AD-5BFC-49EB-A60B-4ED3C13A506D}" presName="compNode" presStyleCnt="0"/>
      <dgm:spPr/>
    </dgm:pt>
    <dgm:pt modelId="{89656DB0-6D04-449E-A044-382A89445FF1}" type="pres">
      <dgm:prSet presAssocID="{0094F0AD-5BFC-49EB-A60B-4ED3C13A506D}" presName="childRect" presStyleLbl="bgAcc1" presStyleIdx="0" presStyleCnt="1">
        <dgm:presLayoutVars>
          <dgm:bulletEnabled val="1"/>
        </dgm:presLayoutVars>
      </dgm:prSet>
      <dgm:spPr/>
    </dgm:pt>
    <dgm:pt modelId="{790AA53B-52B1-4A31-A945-D3CCD04D5CF0}" type="pres">
      <dgm:prSet presAssocID="{0094F0AD-5BFC-49EB-A60B-4ED3C13A506D}" presName="parentText" presStyleLbl="node1" presStyleIdx="0" presStyleCnt="0">
        <dgm:presLayoutVars>
          <dgm:chMax val="0"/>
          <dgm:bulletEnabled val="1"/>
        </dgm:presLayoutVars>
      </dgm:prSet>
      <dgm:spPr/>
    </dgm:pt>
    <dgm:pt modelId="{457B31A8-FE9B-4E47-B651-008623A5D039}" type="pres">
      <dgm:prSet presAssocID="{0094F0AD-5BFC-49EB-A60B-4ED3C13A506D}" presName="parentRect" presStyleLbl="alignNode1" presStyleIdx="0" presStyleCnt="1"/>
      <dgm:spPr/>
    </dgm:pt>
    <dgm:pt modelId="{1ECD85E1-D655-4726-85ED-90F3C7F0C59F}" type="pres">
      <dgm:prSet presAssocID="{0094F0AD-5BFC-49EB-A60B-4ED3C13A506D}" presName="adorn" presStyleLbl="fgAccFollowNode1" presStyleIdx="0" presStyleCnt="1"/>
      <dgm:spPr>
        <a:blipFill dpi="0" rotWithShape="1">
          <a:blip xmlns:r="http://schemas.openxmlformats.org/officeDocument/2006/relationships" r:embed="rId1">
            <a:extLst>
              <a:ext uri="{28A0092B-C50C-407E-A947-70E740481C1C}">
                <a14:useLocalDpi xmlns:a14="http://schemas.microsoft.com/office/drawing/2010/main" val="0"/>
              </a:ext>
            </a:extLst>
          </a:blip>
          <a:srcRect/>
          <a:stretch>
            <a:fillRect l="-48204" t="1137" r="-1796" b="-1137"/>
          </a:stretch>
        </a:blipFill>
      </dgm:spPr>
    </dgm:pt>
  </dgm:ptLst>
  <dgm:cxnLst>
    <dgm:cxn modelId="{C899D61F-DEA3-44F4-AFCA-CA9488D3A1B6}" srcId="{0094F0AD-5BFC-49EB-A60B-4ED3C13A506D}" destId="{FD986E35-389B-4860-B8B0-F7A96B1FBC04}" srcOrd="1" destOrd="0" parTransId="{704F194D-1C1B-4578-87B9-06CBDE2F05B6}" sibTransId="{C8C8E4A0-C191-475F-9900-94457F2DEA3D}"/>
    <dgm:cxn modelId="{FD98535E-4D08-4613-AEF4-F74D663B7363}" type="presOf" srcId="{0094F0AD-5BFC-49EB-A60B-4ED3C13A506D}" destId="{457B31A8-FE9B-4E47-B651-008623A5D039}" srcOrd="1" destOrd="0" presId="urn:microsoft.com/office/officeart/2005/8/layout/bList2"/>
    <dgm:cxn modelId="{3DA77257-5438-4E8B-AE63-8B1A1D3CDB06}" srcId="{3362F2EB-F483-4CC6-AE34-AB04BD8AD559}" destId="{0094F0AD-5BFC-49EB-A60B-4ED3C13A506D}" srcOrd="0" destOrd="0" parTransId="{F0A61368-D28B-4842-BA9E-4F20699A9E7D}" sibTransId="{C66B0E7A-7327-4CB5-BD95-22216B982C4F}"/>
    <dgm:cxn modelId="{A27D257B-3E73-4DF8-85A7-9C13DA95E8AC}" type="presOf" srcId="{A4BB8AEF-BE70-47ED-9952-1AA397C52A2F}" destId="{89656DB0-6D04-449E-A044-382A89445FF1}" srcOrd="0" destOrd="3" presId="urn:microsoft.com/office/officeart/2005/8/layout/bList2"/>
    <dgm:cxn modelId="{81166AA6-0795-4069-BAD2-697F85AE0740}" type="presOf" srcId="{FD986E35-389B-4860-B8B0-F7A96B1FBC04}" destId="{89656DB0-6D04-449E-A044-382A89445FF1}" srcOrd="0" destOrd="1" presId="urn:microsoft.com/office/officeart/2005/8/layout/bList2"/>
    <dgm:cxn modelId="{861A0DA7-456D-4745-B4AB-CA12F760C2C3}" type="presOf" srcId="{0094F0AD-5BFC-49EB-A60B-4ED3C13A506D}" destId="{790AA53B-52B1-4A31-A945-D3CCD04D5CF0}" srcOrd="0" destOrd="0" presId="urn:microsoft.com/office/officeart/2005/8/layout/bList2"/>
    <dgm:cxn modelId="{93C3B5BB-F3CE-4E4F-80F7-C0C7F6684199}" type="presOf" srcId="{301C285A-B93B-40EC-B2BC-BB6BC0E6DB25}" destId="{89656DB0-6D04-449E-A044-382A89445FF1}" srcOrd="0" destOrd="0" presId="urn:microsoft.com/office/officeart/2005/8/layout/bList2"/>
    <dgm:cxn modelId="{26ADECBD-0D0C-4B08-B986-B63B4F06D2D8}" srcId="{0094F0AD-5BFC-49EB-A60B-4ED3C13A506D}" destId="{A4BB8AEF-BE70-47ED-9952-1AA397C52A2F}" srcOrd="3" destOrd="0" parTransId="{23E1EE82-6596-41D0-8F99-F491D859BB9F}" sibTransId="{7A147942-5827-4140-91AF-A08F390A9F39}"/>
    <dgm:cxn modelId="{362723C0-C741-4EC5-B6C0-D0B2C6C15AC4}" type="presOf" srcId="{47CF9AE8-6A0B-419E-B757-018B15CFFCC0}" destId="{89656DB0-6D04-449E-A044-382A89445FF1}" srcOrd="0" destOrd="4" presId="urn:microsoft.com/office/officeart/2005/8/layout/bList2"/>
    <dgm:cxn modelId="{4C6453CB-821C-4304-98A6-0CD9A53FF276}" type="presOf" srcId="{1C3ABBD6-C685-469D-BEA9-AF69DBA5E180}" destId="{89656DB0-6D04-449E-A044-382A89445FF1}" srcOrd="0" destOrd="2" presId="urn:microsoft.com/office/officeart/2005/8/layout/bList2"/>
    <dgm:cxn modelId="{352501D7-D828-4F98-B0C2-A679823CC52B}" type="presOf" srcId="{3362F2EB-F483-4CC6-AE34-AB04BD8AD559}" destId="{67D9036A-7BEF-4549-BC31-1DB2424B6B72}" srcOrd="0" destOrd="0" presId="urn:microsoft.com/office/officeart/2005/8/layout/bList2"/>
    <dgm:cxn modelId="{57FC60E5-C922-4BF5-AE86-B8AA8B98B0D3}" srcId="{0094F0AD-5BFC-49EB-A60B-4ED3C13A506D}" destId="{1C3ABBD6-C685-469D-BEA9-AF69DBA5E180}" srcOrd="2" destOrd="0" parTransId="{CDE5FAFF-E237-4F83-B0F2-729D3A4729C4}" sibTransId="{5D0E4185-FB7B-43E3-9182-15C632D3B488}"/>
    <dgm:cxn modelId="{A623EBEA-88A3-4A2F-9D61-BE068296C96D}" srcId="{0094F0AD-5BFC-49EB-A60B-4ED3C13A506D}" destId="{47CF9AE8-6A0B-419E-B757-018B15CFFCC0}" srcOrd="4" destOrd="0" parTransId="{77AFBD2A-EF78-4237-B085-73CF381FEDCF}" sibTransId="{941C8E31-6067-4D7D-8F80-953738C58DF1}"/>
    <dgm:cxn modelId="{EDF329F8-A2E3-4404-BF36-8147F616C84E}" srcId="{0094F0AD-5BFC-49EB-A60B-4ED3C13A506D}" destId="{301C285A-B93B-40EC-B2BC-BB6BC0E6DB25}" srcOrd="0" destOrd="0" parTransId="{A40C774D-AD4D-4E03-AE41-9E583EBC5536}" sibTransId="{7AE11042-032D-47D5-BB05-A7E02BCB4AF0}"/>
    <dgm:cxn modelId="{61EFC54C-380D-4ECE-83B7-2CBADD7CDF6E}" type="presParOf" srcId="{67D9036A-7BEF-4549-BC31-1DB2424B6B72}" destId="{B2D1A780-1B99-4E9F-A869-CAB511B7D8CF}" srcOrd="0" destOrd="0" presId="urn:microsoft.com/office/officeart/2005/8/layout/bList2"/>
    <dgm:cxn modelId="{A7FCFBB5-3DF2-4833-804B-DDB3CF0A0712}" type="presParOf" srcId="{B2D1A780-1B99-4E9F-A869-CAB511B7D8CF}" destId="{89656DB0-6D04-449E-A044-382A89445FF1}" srcOrd="0" destOrd="0" presId="urn:microsoft.com/office/officeart/2005/8/layout/bList2"/>
    <dgm:cxn modelId="{10AB246C-BA00-4B47-BB37-8EEBB54B4E3F}" type="presParOf" srcId="{B2D1A780-1B99-4E9F-A869-CAB511B7D8CF}" destId="{790AA53B-52B1-4A31-A945-D3CCD04D5CF0}" srcOrd="1" destOrd="0" presId="urn:microsoft.com/office/officeart/2005/8/layout/bList2"/>
    <dgm:cxn modelId="{812B72A9-FBED-45E4-A3DE-814DCE233F8A}" type="presParOf" srcId="{B2D1A780-1B99-4E9F-A869-CAB511B7D8CF}" destId="{457B31A8-FE9B-4E47-B651-008623A5D039}" srcOrd="2" destOrd="0" presId="urn:microsoft.com/office/officeart/2005/8/layout/bList2"/>
    <dgm:cxn modelId="{A57A8764-0C2B-4D18-B358-752816E266CD}" type="presParOf" srcId="{B2D1A780-1B99-4E9F-A869-CAB511B7D8CF}" destId="{1ECD85E1-D655-4726-85ED-90F3C7F0C59F}" srcOrd="3" destOrd="0" presId="urn:microsoft.com/office/officeart/2005/8/layout/bList2"/>
  </dgm:cxnLst>
  <dgm:bg/>
  <dgm:whole/>
  <dgm:extLst>
    <a:ext uri="http://schemas.microsoft.com/office/drawing/2008/diagram">
      <dsp:dataModelExt xmlns:dsp="http://schemas.microsoft.com/office/drawing/2008/diagram" relId="rId1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3252C8AB-1ACD-4823-8EC3-337A5C18AB73}" type="doc">
      <dgm:prSet loTypeId="urn:microsoft.com/office/officeart/2005/8/layout/bList2" loCatId="list" qsTypeId="urn:microsoft.com/office/officeart/2005/8/quickstyle/simple1" qsCatId="simple" csTypeId="urn:microsoft.com/office/officeart/2005/8/colors/accent1_2" csCatId="accent1" phldr="1"/>
      <dgm:spPr/>
      <dgm:t>
        <a:bodyPr/>
        <a:lstStyle/>
        <a:p>
          <a:endParaRPr lang="en-PH"/>
        </a:p>
      </dgm:t>
    </dgm:pt>
    <dgm:pt modelId="{D137F257-BFF2-453E-A575-9DBA04CBB3B5}">
      <dgm:prSet/>
      <dgm:spPr/>
      <dgm:t>
        <a:bodyPr/>
        <a:lstStyle/>
        <a:p>
          <a:r>
            <a:rPr lang="en-US"/>
            <a:t>Conclusion and  Recommendation, </a:t>
          </a:r>
          <a:endParaRPr lang="en-PH"/>
        </a:p>
      </dgm:t>
    </dgm:pt>
    <dgm:pt modelId="{59CB2407-D361-4AF3-8BCD-527CF0604FB5}" type="parTrans" cxnId="{C5B84773-3C0C-4131-9233-DDFC281E08C7}">
      <dgm:prSet/>
      <dgm:spPr/>
      <dgm:t>
        <a:bodyPr/>
        <a:lstStyle/>
        <a:p>
          <a:endParaRPr lang="en-PH"/>
        </a:p>
      </dgm:t>
    </dgm:pt>
    <dgm:pt modelId="{D1C41FD6-7B06-49EF-BDA4-10D5423FF981}" type="sibTrans" cxnId="{C5B84773-3C0C-4131-9233-DDFC281E08C7}">
      <dgm:prSet/>
      <dgm:spPr/>
      <dgm:t>
        <a:bodyPr/>
        <a:lstStyle/>
        <a:p>
          <a:endParaRPr lang="en-PH"/>
        </a:p>
      </dgm:t>
    </dgm:pt>
    <dgm:pt modelId="{4AF88BEB-B02D-469B-BED8-B5AE899505E7}">
      <dgm:prSet custT="1"/>
      <dgm:spPr/>
      <dgm:t>
        <a:bodyPr/>
        <a:lstStyle/>
        <a:p>
          <a:r>
            <a:rPr lang="en-US" sz="1300"/>
            <a:t>Propose for possible Improvements</a:t>
          </a:r>
          <a:endParaRPr lang="en-PH" sz="1300"/>
        </a:p>
      </dgm:t>
    </dgm:pt>
    <dgm:pt modelId="{1A022959-D47D-45B6-99F8-CAFB14968F91}" type="parTrans" cxnId="{07046A72-4649-4F63-B295-50190EFCBE41}">
      <dgm:prSet/>
      <dgm:spPr/>
      <dgm:t>
        <a:bodyPr/>
        <a:lstStyle/>
        <a:p>
          <a:endParaRPr lang="en-PH"/>
        </a:p>
      </dgm:t>
    </dgm:pt>
    <dgm:pt modelId="{63CD0A45-0ABD-4121-876D-661948504822}" type="sibTrans" cxnId="{07046A72-4649-4F63-B295-50190EFCBE41}">
      <dgm:prSet/>
      <dgm:spPr/>
      <dgm:t>
        <a:bodyPr/>
        <a:lstStyle/>
        <a:p>
          <a:endParaRPr lang="en-PH"/>
        </a:p>
      </dgm:t>
    </dgm:pt>
    <dgm:pt modelId="{7832874A-48F8-4A42-ABC1-9BAA8A31363D}">
      <dgm:prSet custT="1"/>
      <dgm:spPr/>
      <dgm:t>
        <a:bodyPr/>
        <a:lstStyle/>
        <a:p>
          <a:r>
            <a:rPr lang="en-US" sz="1300"/>
            <a:t> Advise on lacking or missing information</a:t>
          </a:r>
          <a:endParaRPr lang="en-PH" sz="1300"/>
        </a:p>
      </dgm:t>
    </dgm:pt>
    <dgm:pt modelId="{8669094B-D8B1-495B-ABF0-FF1E22447730}" type="parTrans" cxnId="{1326CF06-D0D0-4EE7-9D39-2771DDC62430}">
      <dgm:prSet/>
      <dgm:spPr/>
      <dgm:t>
        <a:bodyPr/>
        <a:lstStyle/>
        <a:p>
          <a:endParaRPr lang="en-PH"/>
        </a:p>
      </dgm:t>
    </dgm:pt>
    <dgm:pt modelId="{0B101E52-07C9-48F6-B448-FE234B766EFA}" type="sibTrans" cxnId="{1326CF06-D0D0-4EE7-9D39-2771DDC62430}">
      <dgm:prSet/>
      <dgm:spPr/>
      <dgm:t>
        <a:bodyPr/>
        <a:lstStyle/>
        <a:p>
          <a:endParaRPr lang="en-PH"/>
        </a:p>
      </dgm:t>
    </dgm:pt>
    <dgm:pt modelId="{CD668938-42F6-46BA-BE66-A0FF0E7383B1}" type="pres">
      <dgm:prSet presAssocID="{3252C8AB-1ACD-4823-8EC3-337A5C18AB73}" presName="diagram" presStyleCnt="0">
        <dgm:presLayoutVars>
          <dgm:dir/>
          <dgm:animLvl val="lvl"/>
          <dgm:resizeHandles val="exact"/>
        </dgm:presLayoutVars>
      </dgm:prSet>
      <dgm:spPr/>
    </dgm:pt>
    <dgm:pt modelId="{150DC1CE-BD39-415C-993C-6B48880395D7}" type="pres">
      <dgm:prSet presAssocID="{D137F257-BFF2-453E-A575-9DBA04CBB3B5}" presName="compNode" presStyleCnt="0"/>
      <dgm:spPr/>
    </dgm:pt>
    <dgm:pt modelId="{14A665EA-BAF4-4A00-822E-600253C142FB}" type="pres">
      <dgm:prSet presAssocID="{D137F257-BFF2-453E-A575-9DBA04CBB3B5}" presName="childRect" presStyleLbl="bgAcc1" presStyleIdx="0" presStyleCnt="1">
        <dgm:presLayoutVars>
          <dgm:bulletEnabled val="1"/>
        </dgm:presLayoutVars>
      </dgm:prSet>
      <dgm:spPr/>
    </dgm:pt>
    <dgm:pt modelId="{2988509B-AA1F-4708-9691-228BC3C4FB0E}" type="pres">
      <dgm:prSet presAssocID="{D137F257-BFF2-453E-A575-9DBA04CBB3B5}" presName="parentText" presStyleLbl="node1" presStyleIdx="0" presStyleCnt="0">
        <dgm:presLayoutVars>
          <dgm:chMax val="0"/>
          <dgm:bulletEnabled val="1"/>
        </dgm:presLayoutVars>
      </dgm:prSet>
      <dgm:spPr/>
    </dgm:pt>
    <dgm:pt modelId="{6D37AD5C-F51E-426A-9BF9-335A3C6C049C}" type="pres">
      <dgm:prSet presAssocID="{D137F257-BFF2-453E-A575-9DBA04CBB3B5}" presName="parentRect" presStyleLbl="alignNode1" presStyleIdx="0" presStyleCnt="1"/>
      <dgm:spPr/>
    </dgm:pt>
    <dgm:pt modelId="{4B36FD09-4E7C-46D3-A8D1-028592F108CB}" type="pres">
      <dgm:prSet presAssocID="{D137F257-BFF2-453E-A575-9DBA04CBB3B5}" presName="adorn" presStyleLbl="fgAccFollowNode1" presStyleIdx="0" presStyleCnt="1"/>
      <dgm:spPr>
        <a:blipFill dpi="0" rotWithShape="1">
          <a:blip xmlns:r="http://schemas.openxmlformats.org/officeDocument/2006/relationships" r:embed="rId1">
            <a:extLst>
              <a:ext uri="{28A0092B-C50C-407E-A947-70E740481C1C}">
                <a14:useLocalDpi xmlns:a14="http://schemas.microsoft.com/office/drawing/2010/main" val="0"/>
              </a:ext>
            </a:extLst>
          </a:blip>
          <a:srcRect/>
          <a:stretch>
            <a:fillRect l="-26288" t="-597" r="-51712" b="597"/>
          </a:stretch>
        </a:blipFill>
      </dgm:spPr>
    </dgm:pt>
  </dgm:ptLst>
  <dgm:cxnLst>
    <dgm:cxn modelId="{1326CF06-D0D0-4EE7-9D39-2771DDC62430}" srcId="{D137F257-BFF2-453E-A575-9DBA04CBB3B5}" destId="{7832874A-48F8-4A42-ABC1-9BAA8A31363D}" srcOrd="1" destOrd="0" parTransId="{8669094B-D8B1-495B-ABF0-FF1E22447730}" sibTransId="{0B101E52-07C9-48F6-B448-FE234B766EFA}"/>
    <dgm:cxn modelId="{0782122C-45A1-47E7-8902-1AB491958290}" type="presOf" srcId="{3252C8AB-1ACD-4823-8EC3-337A5C18AB73}" destId="{CD668938-42F6-46BA-BE66-A0FF0E7383B1}" srcOrd="0" destOrd="0" presId="urn:microsoft.com/office/officeart/2005/8/layout/bList2"/>
    <dgm:cxn modelId="{FA8FCE42-2869-46E2-86F5-5E20F5CBFD56}" type="presOf" srcId="{D137F257-BFF2-453E-A575-9DBA04CBB3B5}" destId="{6D37AD5C-F51E-426A-9BF9-335A3C6C049C}" srcOrd="1" destOrd="0" presId="urn:microsoft.com/office/officeart/2005/8/layout/bList2"/>
    <dgm:cxn modelId="{A2695E63-4B40-446F-8784-B8A8148504FC}" type="presOf" srcId="{D137F257-BFF2-453E-A575-9DBA04CBB3B5}" destId="{2988509B-AA1F-4708-9691-228BC3C4FB0E}" srcOrd="0" destOrd="0" presId="urn:microsoft.com/office/officeart/2005/8/layout/bList2"/>
    <dgm:cxn modelId="{07046A72-4649-4F63-B295-50190EFCBE41}" srcId="{D137F257-BFF2-453E-A575-9DBA04CBB3B5}" destId="{4AF88BEB-B02D-469B-BED8-B5AE899505E7}" srcOrd="0" destOrd="0" parTransId="{1A022959-D47D-45B6-99F8-CAFB14968F91}" sibTransId="{63CD0A45-0ABD-4121-876D-661948504822}"/>
    <dgm:cxn modelId="{C5B84773-3C0C-4131-9233-DDFC281E08C7}" srcId="{3252C8AB-1ACD-4823-8EC3-337A5C18AB73}" destId="{D137F257-BFF2-453E-A575-9DBA04CBB3B5}" srcOrd="0" destOrd="0" parTransId="{59CB2407-D361-4AF3-8BCD-527CF0604FB5}" sibTransId="{D1C41FD6-7B06-49EF-BDA4-10D5423FF981}"/>
    <dgm:cxn modelId="{150570A4-9702-44C6-9389-E91E61416830}" type="presOf" srcId="{4AF88BEB-B02D-469B-BED8-B5AE899505E7}" destId="{14A665EA-BAF4-4A00-822E-600253C142FB}" srcOrd="0" destOrd="0" presId="urn:microsoft.com/office/officeart/2005/8/layout/bList2"/>
    <dgm:cxn modelId="{B9DAF3AD-69BD-4864-ADAE-AC6A7C3B591B}" type="presOf" srcId="{7832874A-48F8-4A42-ABC1-9BAA8A31363D}" destId="{14A665EA-BAF4-4A00-822E-600253C142FB}" srcOrd="0" destOrd="1" presId="urn:microsoft.com/office/officeart/2005/8/layout/bList2"/>
    <dgm:cxn modelId="{E25F7081-1CAF-4AF8-A694-3E7756A74727}" type="presParOf" srcId="{CD668938-42F6-46BA-BE66-A0FF0E7383B1}" destId="{150DC1CE-BD39-415C-993C-6B48880395D7}" srcOrd="0" destOrd="0" presId="urn:microsoft.com/office/officeart/2005/8/layout/bList2"/>
    <dgm:cxn modelId="{83058EBE-B97E-4D96-AD89-9C94BCB8C156}" type="presParOf" srcId="{150DC1CE-BD39-415C-993C-6B48880395D7}" destId="{14A665EA-BAF4-4A00-822E-600253C142FB}" srcOrd="0" destOrd="0" presId="urn:microsoft.com/office/officeart/2005/8/layout/bList2"/>
    <dgm:cxn modelId="{EC2B57DA-6360-48D9-9524-054A2089A108}" type="presParOf" srcId="{150DC1CE-BD39-415C-993C-6B48880395D7}" destId="{2988509B-AA1F-4708-9691-228BC3C4FB0E}" srcOrd="1" destOrd="0" presId="urn:microsoft.com/office/officeart/2005/8/layout/bList2"/>
    <dgm:cxn modelId="{AF6FB40A-8B14-48F6-8556-D497B91B951D}" type="presParOf" srcId="{150DC1CE-BD39-415C-993C-6B48880395D7}" destId="{6D37AD5C-F51E-426A-9BF9-335A3C6C049C}" srcOrd="2" destOrd="0" presId="urn:microsoft.com/office/officeart/2005/8/layout/bList2"/>
    <dgm:cxn modelId="{9DF7D9EC-5575-4717-8ADA-712E27A81A0C}" type="presParOf" srcId="{150DC1CE-BD39-415C-993C-6B48880395D7}" destId="{4B36FD09-4E7C-46D3-A8D1-028592F108CB}" srcOrd="3" destOrd="0" presId="urn:microsoft.com/office/officeart/2005/8/layout/bList2"/>
  </dgm:cxnLst>
  <dgm:bg/>
  <dgm:whole/>
  <dgm:extLst>
    <a:ext uri="http://schemas.microsoft.com/office/drawing/2008/diagram">
      <dsp:dataModelExt xmlns:dsp="http://schemas.microsoft.com/office/drawing/2008/diagram" relId="rId22"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211C4F6-BAC1-4464-81EC-3FA987033187}">
      <dsp:nvSpPr>
        <dsp:cNvPr id="0" name=""/>
        <dsp:cNvSpPr/>
      </dsp:nvSpPr>
      <dsp:spPr>
        <a:xfrm>
          <a:off x="7886" y="642418"/>
          <a:ext cx="2357327" cy="856501"/>
        </a:xfrm>
        <a:prstGeom prst="roundRect">
          <a:avLst>
            <a:gd name="adj" fmla="val 10000"/>
          </a:avLst>
        </a:prstGeom>
        <a:solidFill>
          <a:srgbClr val="00B05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a:t>Data Collection</a:t>
          </a:r>
          <a:endParaRPr lang="en-PH" sz="2100" kern="1200"/>
        </a:p>
      </dsp:txBody>
      <dsp:txXfrm>
        <a:off x="32972" y="667504"/>
        <a:ext cx="2307155" cy="806329"/>
      </dsp:txXfrm>
    </dsp:sp>
    <dsp:sp modelId="{C71CF930-1940-421C-9FF7-9BC6E419B0A6}">
      <dsp:nvSpPr>
        <dsp:cNvPr id="0" name=""/>
        <dsp:cNvSpPr/>
      </dsp:nvSpPr>
      <dsp:spPr>
        <a:xfrm>
          <a:off x="2600946" y="778360"/>
          <a:ext cx="499753" cy="584617"/>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endParaRPr lang="en-PH" sz="1700" kern="1200"/>
        </a:p>
      </dsp:txBody>
      <dsp:txXfrm>
        <a:off x="2600946" y="895283"/>
        <a:ext cx="349827" cy="350771"/>
      </dsp:txXfrm>
    </dsp:sp>
    <dsp:sp modelId="{60ED558E-3F18-4F64-9814-1A5CF37812F1}">
      <dsp:nvSpPr>
        <dsp:cNvPr id="0" name=""/>
        <dsp:cNvSpPr/>
      </dsp:nvSpPr>
      <dsp:spPr>
        <a:xfrm>
          <a:off x="3308144" y="631965"/>
          <a:ext cx="2357327" cy="877406"/>
        </a:xfrm>
        <a:prstGeom prst="roundRect">
          <a:avLst>
            <a:gd name="adj" fmla="val 10000"/>
          </a:avLst>
        </a:prstGeom>
        <a:solidFill>
          <a:srgbClr val="FFC00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a:t>Desktop Review</a:t>
          </a:r>
          <a:endParaRPr lang="en-PH" sz="2100" kern="1200"/>
        </a:p>
      </dsp:txBody>
      <dsp:txXfrm>
        <a:off x="3333842" y="657663"/>
        <a:ext cx="2305931" cy="826010"/>
      </dsp:txXfrm>
    </dsp:sp>
    <dsp:sp modelId="{86FDB64A-4635-4AE9-8E44-3411546D210E}">
      <dsp:nvSpPr>
        <dsp:cNvPr id="0" name=""/>
        <dsp:cNvSpPr/>
      </dsp:nvSpPr>
      <dsp:spPr>
        <a:xfrm>
          <a:off x="5901204" y="778360"/>
          <a:ext cx="499753" cy="584617"/>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endParaRPr lang="en-PH" sz="1700" kern="1200"/>
        </a:p>
      </dsp:txBody>
      <dsp:txXfrm>
        <a:off x="5901204" y="895283"/>
        <a:ext cx="349827" cy="350771"/>
      </dsp:txXfrm>
    </dsp:sp>
    <dsp:sp modelId="{B176A3A4-E5D2-4ACB-A1A1-2E6E951E5A30}">
      <dsp:nvSpPr>
        <dsp:cNvPr id="0" name=""/>
        <dsp:cNvSpPr/>
      </dsp:nvSpPr>
      <dsp:spPr>
        <a:xfrm>
          <a:off x="6608402" y="665416"/>
          <a:ext cx="2357327" cy="810505"/>
        </a:xfrm>
        <a:prstGeom prst="roundRect">
          <a:avLst>
            <a:gd name="adj" fmla="val 10000"/>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a:t>Evaluation and Assessment</a:t>
          </a:r>
          <a:endParaRPr lang="en-PH" sz="2100" kern="1200"/>
        </a:p>
      </dsp:txBody>
      <dsp:txXfrm>
        <a:off x="6632141" y="689155"/>
        <a:ext cx="2309849" cy="76302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7FBBF6F-C5F9-4F1F-9D25-E36D791807D2}">
      <dsp:nvSpPr>
        <dsp:cNvPr id="0" name=""/>
        <dsp:cNvSpPr/>
      </dsp:nvSpPr>
      <dsp:spPr>
        <a:xfrm>
          <a:off x="318939" y="1532"/>
          <a:ext cx="2191161" cy="1635655"/>
        </a:xfrm>
        <a:prstGeom prst="round2SameRect">
          <a:avLst>
            <a:gd name="adj1" fmla="val 8000"/>
            <a:gd name="adj2" fmla="val 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6510" tIns="49530" rIns="16510" bIns="16510" numCol="1" spcCol="1270" anchor="t" anchorCtr="0">
          <a:noAutofit/>
        </a:bodyPr>
        <a:lstStyle/>
        <a:p>
          <a:pPr marL="114300" lvl="1" indent="-114300" algn="l" defTabSz="577850">
            <a:lnSpc>
              <a:spcPct val="90000"/>
            </a:lnSpc>
            <a:spcBef>
              <a:spcPct val="0"/>
            </a:spcBef>
            <a:spcAft>
              <a:spcPct val="15000"/>
            </a:spcAft>
            <a:buChar char="•"/>
          </a:pPr>
          <a:r>
            <a:rPr lang="en-PH" sz="1300" kern="1200"/>
            <a:t>Public Documents </a:t>
          </a:r>
        </a:p>
        <a:p>
          <a:pPr marL="114300" lvl="1" indent="-114300" algn="l" defTabSz="577850">
            <a:lnSpc>
              <a:spcPct val="90000"/>
            </a:lnSpc>
            <a:spcBef>
              <a:spcPct val="0"/>
            </a:spcBef>
            <a:spcAft>
              <a:spcPct val="15000"/>
            </a:spcAft>
            <a:buChar char="•"/>
          </a:pPr>
          <a:r>
            <a:rPr lang="en-PH" sz="1300" kern="1200"/>
            <a:t>ICRC Obtained Documents </a:t>
          </a:r>
        </a:p>
        <a:p>
          <a:pPr marL="114300" lvl="1" indent="-114300" algn="l" defTabSz="577850">
            <a:lnSpc>
              <a:spcPct val="90000"/>
            </a:lnSpc>
            <a:spcBef>
              <a:spcPct val="0"/>
            </a:spcBef>
            <a:spcAft>
              <a:spcPct val="15000"/>
            </a:spcAft>
            <a:buChar char="•"/>
          </a:pPr>
          <a:r>
            <a:rPr lang="en-PH" sz="1300" kern="1200"/>
            <a:t>Online interviews of relevant persons (If possible)</a:t>
          </a:r>
        </a:p>
        <a:p>
          <a:pPr marL="114300" lvl="1" indent="-114300" algn="l" defTabSz="577850">
            <a:lnSpc>
              <a:spcPct val="90000"/>
            </a:lnSpc>
            <a:spcBef>
              <a:spcPct val="0"/>
            </a:spcBef>
            <a:spcAft>
              <a:spcPct val="15000"/>
            </a:spcAft>
            <a:buChar char="•"/>
          </a:pPr>
          <a:r>
            <a:rPr lang="en-PH" sz="1300" kern="1200"/>
            <a:t>Journal Articles (if found any)</a:t>
          </a:r>
        </a:p>
        <a:p>
          <a:pPr marL="114300" lvl="1" indent="-114300" algn="l" defTabSz="577850">
            <a:lnSpc>
              <a:spcPct val="90000"/>
            </a:lnSpc>
            <a:spcBef>
              <a:spcPct val="0"/>
            </a:spcBef>
            <a:spcAft>
              <a:spcPct val="15000"/>
            </a:spcAft>
            <a:buChar char="•"/>
          </a:pPr>
          <a:r>
            <a:rPr lang="en-PH" sz="1300" kern="1200"/>
            <a:t>Internet Information sources</a:t>
          </a:r>
        </a:p>
      </dsp:txBody>
      <dsp:txXfrm>
        <a:off x="357264" y="39857"/>
        <a:ext cx="2114511" cy="1597330"/>
      </dsp:txXfrm>
    </dsp:sp>
    <dsp:sp modelId="{BE1FD9AB-1F16-4322-AAFA-5D0A4E874DAC}">
      <dsp:nvSpPr>
        <dsp:cNvPr id="0" name=""/>
        <dsp:cNvSpPr/>
      </dsp:nvSpPr>
      <dsp:spPr>
        <a:xfrm>
          <a:off x="318939" y="1637188"/>
          <a:ext cx="2191161" cy="703331"/>
        </a:xfrm>
        <a:prstGeom prst="rect">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0" rIns="20320" bIns="0" numCol="1" spcCol="1270" anchor="ctr" anchorCtr="0">
          <a:noAutofit/>
        </a:bodyPr>
        <a:lstStyle/>
        <a:p>
          <a:pPr marL="0" lvl="0" indent="0" algn="l" defTabSz="711200">
            <a:lnSpc>
              <a:spcPct val="90000"/>
            </a:lnSpc>
            <a:spcBef>
              <a:spcPct val="0"/>
            </a:spcBef>
            <a:spcAft>
              <a:spcPct val="35000"/>
            </a:spcAft>
            <a:buNone/>
          </a:pPr>
          <a:r>
            <a:rPr lang="en-PH" sz="1600" kern="1200"/>
            <a:t>Arcadis will obtain data through:</a:t>
          </a:r>
        </a:p>
      </dsp:txBody>
      <dsp:txXfrm>
        <a:off x="318939" y="1637188"/>
        <a:ext cx="1543071" cy="703331"/>
      </dsp:txXfrm>
    </dsp:sp>
    <dsp:sp modelId="{54A8A0ED-91C0-4FFA-A5C1-C8D8AA03332F}">
      <dsp:nvSpPr>
        <dsp:cNvPr id="0" name=""/>
        <dsp:cNvSpPr/>
      </dsp:nvSpPr>
      <dsp:spPr>
        <a:xfrm>
          <a:off x="1923995" y="1748906"/>
          <a:ext cx="766906" cy="766906"/>
        </a:xfrm>
        <a:prstGeom prst="ellipse">
          <a:avLst/>
        </a:prstGeom>
        <a:blipFill>
          <a:blip xmlns:r="http://schemas.openxmlformats.org/officeDocument/2006/relationships" r:embed="rId1">
            <a:extLst>
              <a:ext uri="{28A0092B-C50C-407E-A947-70E740481C1C}">
                <a14:useLocalDpi xmlns:a14="http://schemas.microsoft.com/office/drawing/2010/main" val="0"/>
              </a:ext>
            </a:extLst>
          </a:blip>
          <a:srcRect/>
          <a:stretch>
            <a:fillRect l="-25000" r="-25000"/>
          </a:stretch>
        </a:blip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9656DB0-6D04-449E-A044-382A89445FF1}">
      <dsp:nvSpPr>
        <dsp:cNvPr id="0" name=""/>
        <dsp:cNvSpPr/>
      </dsp:nvSpPr>
      <dsp:spPr>
        <a:xfrm>
          <a:off x="433319" y="2274"/>
          <a:ext cx="2202909" cy="1644425"/>
        </a:xfrm>
        <a:prstGeom prst="round2SameRect">
          <a:avLst>
            <a:gd name="adj1" fmla="val 8000"/>
            <a:gd name="adj2" fmla="val 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6510" tIns="49530" rIns="16510" bIns="16510" numCol="1" spcCol="1270" anchor="t" anchorCtr="0">
          <a:noAutofit/>
        </a:bodyPr>
        <a:lstStyle/>
        <a:p>
          <a:pPr marL="114300" lvl="1" indent="-114300" algn="l" defTabSz="577850">
            <a:lnSpc>
              <a:spcPct val="90000"/>
            </a:lnSpc>
            <a:spcBef>
              <a:spcPct val="0"/>
            </a:spcBef>
            <a:spcAft>
              <a:spcPct val="15000"/>
            </a:spcAft>
            <a:buChar char="•"/>
          </a:pPr>
          <a:r>
            <a:rPr lang="en-PH" sz="1300" kern="1200"/>
            <a:t>SOP</a:t>
          </a:r>
        </a:p>
        <a:p>
          <a:pPr marL="114300" lvl="1" indent="-114300" algn="l" defTabSz="577850">
            <a:lnSpc>
              <a:spcPct val="90000"/>
            </a:lnSpc>
            <a:spcBef>
              <a:spcPct val="0"/>
            </a:spcBef>
            <a:spcAft>
              <a:spcPct val="15000"/>
            </a:spcAft>
            <a:buChar char="•"/>
          </a:pPr>
          <a:r>
            <a:rPr lang="en-PH" sz="1300" kern="1200"/>
            <a:t>Stakeholders</a:t>
          </a:r>
        </a:p>
        <a:p>
          <a:pPr marL="114300" lvl="1" indent="-114300" algn="l" defTabSz="577850">
            <a:lnSpc>
              <a:spcPct val="90000"/>
            </a:lnSpc>
            <a:spcBef>
              <a:spcPct val="0"/>
            </a:spcBef>
            <a:spcAft>
              <a:spcPct val="15000"/>
            </a:spcAft>
            <a:buChar char="•"/>
          </a:pPr>
          <a:r>
            <a:rPr lang="en-US" sz="1300" kern="1200"/>
            <a:t>Coordination Mechanism</a:t>
          </a:r>
          <a:endParaRPr lang="en-PH" sz="1300" kern="1200"/>
        </a:p>
        <a:p>
          <a:pPr marL="114300" lvl="1" indent="-114300" algn="l" defTabSz="577850">
            <a:lnSpc>
              <a:spcPct val="90000"/>
            </a:lnSpc>
            <a:spcBef>
              <a:spcPct val="0"/>
            </a:spcBef>
            <a:spcAft>
              <a:spcPct val="15000"/>
            </a:spcAft>
            <a:buChar char="•"/>
          </a:pPr>
          <a:r>
            <a:rPr lang="en-PH" sz="1300" kern="1200"/>
            <a:t>Legal and Policy Framework</a:t>
          </a:r>
        </a:p>
        <a:p>
          <a:pPr marL="114300" lvl="1" indent="-114300" algn="l" defTabSz="577850">
            <a:lnSpc>
              <a:spcPct val="90000"/>
            </a:lnSpc>
            <a:spcBef>
              <a:spcPct val="0"/>
            </a:spcBef>
            <a:spcAft>
              <a:spcPct val="15000"/>
            </a:spcAft>
            <a:buChar char="•"/>
          </a:pPr>
          <a:r>
            <a:rPr lang="en-PH" sz="1300" kern="1200"/>
            <a:t>Funding System</a:t>
          </a:r>
        </a:p>
      </dsp:txBody>
      <dsp:txXfrm>
        <a:off x="471850" y="40805"/>
        <a:ext cx="2125847" cy="1605894"/>
      </dsp:txXfrm>
    </dsp:sp>
    <dsp:sp modelId="{457B31A8-FE9B-4E47-B651-008623A5D039}">
      <dsp:nvSpPr>
        <dsp:cNvPr id="0" name=""/>
        <dsp:cNvSpPr/>
      </dsp:nvSpPr>
      <dsp:spPr>
        <a:xfrm>
          <a:off x="433319" y="1646699"/>
          <a:ext cx="2202909" cy="707103"/>
        </a:xfrm>
        <a:prstGeom prst="rect">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0" rIns="17780" bIns="0" numCol="1" spcCol="1270" anchor="ctr" anchorCtr="0">
          <a:noAutofit/>
        </a:bodyPr>
        <a:lstStyle/>
        <a:p>
          <a:pPr marL="0" lvl="0" indent="0" algn="l" defTabSz="622300">
            <a:lnSpc>
              <a:spcPct val="90000"/>
            </a:lnSpc>
            <a:spcBef>
              <a:spcPct val="0"/>
            </a:spcBef>
            <a:spcAft>
              <a:spcPct val="35000"/>
            </a:spcAft>
            <a:buNone/>
          </a:pPr>
          <a:r>
            <a:rPr lang="en-PH" sz="1400" kern="1200"/>
            <a:t>ECC Disaster Management related documents:</a:t>
          </a:r>
        </a:p>
      </dsp:txBody>
      <dsp:txXfrm>
        <a:off x="433319" y="1646699"/>
        <a:ext cx="1551344" cy="707103"/>
      </dsp:txXfrm>
    </dsp:sp>
    <dsp:sp modelId="{1ECD85E1-D655-4726-85ED-90F3C7F0C59F}">
      <dsp:nvSpPr>
        <dsp:cNvPr id="0" name=""/>
        <dsp:cNvSpPr/>
      </dsp:nvSpPr>
      <dsp:spPr>
        <a:xfrm>
          <a:off x="2046981" y="1759016"/>
          <a:ext cx="771018" cy="771018"/>
        </a:xfrm>
        <a:prstGeom prst="ellipse">
          <a:avLst/>
        </a:prstGeom>
        <a:blipFill dpi="0" rotWithShape="1">
          <a:blip xmlns:r="http://schemas.openxmlformats.org/officeDocument/2006/relationships" r:embed="rId1">
            <a:extLst>
              <a:ext uri="{28A0092B-C50C-407E-A947-70E740481C1C}">
                <a14:useLocalDpi xmlns:a14="http://schemas.microsoft.com/office/drawing/2010/main" val="0"/>
              </a:ext>
            </a:extLst>
          </a:blip>
          <a:srcRect/>
          <a:stretch>
            <a:fillRect l="-48204" t="1137" r="-1796" b="-1137"/>
          </a:stretch>
        </a:blip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4A665EA-BAF4-4A00-822E-600253C142FB}">
      <dsp:nvSpPr>
        <dsp:cNvPr id="0" name=""/>
        <dsp:cNvSpPr/>
      </dsp:nvSpPr>
      <dsp:spPr>
        <a:xfrm>
          <a:off x="690316" y="1913"/>
          <a:ext cx="2190498" cy="1635161"/>
        </a:xfrm>
        <a:prstGeom prst="round2SameRect">
          <a:avLst>
            <a:gd name="adj1" fmla="val 8000"/>
            <a:gd name="adj2" fmla="val 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6510" tIns="49530" rIns="16510" bIns="16510" numCol="1" spcCol="1270" anchor="t" anchorCtr="0">
          <a:noAutofit/>
        </a:bodyPr>
        <a:lstStyle/>
        <a:p>
          <a:pPr marL="114300" lvl="1" indent="-114300" algn="l" defTabSz="577850">
            <a:lnSpc>
              <a:spcPct val="90000"/>
            </a:lnSpc>
            <a:spcBef>
              <a:spcPct val="0"/>
            </a:spcBef>
            <a:spcAft>
              <a:spcPct val="15000"/>
            </a:spcAft>
            <a:buChar char="•"/>
          </a:pPr>
          <a:r>
            <a:rPr lang="en-US" sz="1300" kern="1200"/>
            <a:t>Propose for possible Improvements</a:t>
          </a:r>
          <a:endParaRPr lang="en-PH" sz="1300" kern="1200"/>
        </a:p>
        <a:p>
          <a:pPr marL="114300" lvl="1" indent="-114300" algn="l" defTabSz="577850">
            <a:lnSpc>
              <a:spcPct val="90000"/>
            </a:lnSpc>
            <a:spcBef>
              <a:spcPct val="0"/>
            </a:spcBef>
            <a:spcAft>
              <a:spcPct val="15000"/>
            </a:spcAft>
            <a:buChar char="•"/>
          </a:pPr>
          <a:r>
            <a:rPr lang="en-US" sz="1300" kern="1200"/>
            <a:t> Advise on lacking or missing information</a:t>
          </a:r>
          <a:endParaRPr lang="en-PH" sz="1300" kern="1200"/>
        </a:p>
      </dsp:txBody>
      <dsp:txXfrm>
        <a:off x="728630" y="40227"/>
        <a:ext cx="2113870" cy="1596847"/>
      </dsp:txXfrm>
    </dsp:sp>
    <dsp:sp modelId="{6D37AD5C-F51E-426A-9BF9-335A3C6C049C}">
      <dsp:nvSpPr>
        <dsp:cNvPr id="0" name=""/>
        <dsp:cNvSpPr/>
      </dsp:nvSpPr>
      <dsp:spPr>
        <a:xfrm>
          <a:off x="690316" y="1637074"/>
          <a:ext cx="2190498" cy="703119"/>
        </a:xfrm>
        <a:prstGeom prst="rect">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0" rIns="19050" bIns="0" numCol="1" spcCol="1270" anchor="ctr" anchorCtr="0">
          <a:noAutofit/>
        </a:bodyPr>
        <a:lstStyle/>
        <a:p>
          <a:pPr marL="0" lvl="0" indent="0" algn="l" defTabSz="666750">
            <a:lnSpc>
              <a:spcPct val="90000"/>
            </a:lnSpc>
            <a:spcBef>
              <a:spcPct val="0"/>
            </a:spcBef>
            <a:spcAft>
              <a:spcPct val="35000"/>
            </a:spcAft>
            <a:buNone/>
          </a:pPr>
          <a:r>
            <a:rPr lang="en-US" sz="1500" kern="1200"/>
            <a:t>Conclusion and  Recommendation, </a:t>
          </a:r>
          <a:endParaRPr lang="en-PH" sz="1500" kern="1200"/>
        </a:p>
      </dsp:txBody>
      <dsp:txXfrm>
        <a:off x="690316" y="1637074"/>
        <a:ext cx="1542604" cy="703119"/>
      </dsp:txXfrm>
    </dsp:sp>
    <dsp:sp modelId="{4B36FD09-4E7C-46D3-A8D1-028592F108CB}">
      <dsp:nvSpPr>
        <dsp:cNvPr id="0" name=""/>
        <dsp:cNvSpPr/>
      </dsp:nvSpPr>
      <dsp:spPr>
        <a:xfrm>
          <a:off x="2294886" y="1748758"/>
          <a:ext cx="766674" cy="766674"/>
        </a:xfrm>
        <a:prstGeom prst="ellipse">
          <a:avLst/>
        </a:prstGeom>
        <a:blipFill dpi="0" rotWithShape="1">
          <a:blip xmlns:r="http://schemas.openxmlformats.org/officeDocument/2006/relationships" r:embed="rId1">
            <a:extLst>
              <a:ext uri="{28A0092B-C50C-407E-A947-70E740481C1C}">
                <a14:useLocalDpi xmlns:a14="http://schemas.microsoft.com/office/drawing/2010/main" val="0"/>
              </a:ext>
            </a:extLst>
          </a:blip>
          <a:srcRect/>
          <a:stretch>
            <a:fillRect l="-26288" t="-597" r="-51712" b="597"/>
          </a:stretch>
        </a:blip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bList2">
  <dgm:title val=""/>
  <dgm:desc val=""/>
  <dgm:catLst>
    <dgm:cat type="list" pri="7000"/>
    <dgm:cat type="convert" pri="16000"/>
    <dgm:cat type="picture" pri="28000"/>
    <dgm:cat type="pictureconvert" pri="28000"/>
  </dgm:catLst>
  <dgm:sampData useDef="1">
    <dgm:dataModel>
      <dgm:pt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diagram">
    <dgm:varLst>
      <dgm:dir/>
      <dgm:animLvl val="lvl"/>
      <dgm:resizeHandles val="exact"/>
    </dgm:varLst>
    <dgm:choose name="Name0">
      <dgm:if name="Name1" axis="self"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compNode" refType="w"/>
      <dgm:constr type="w" for="ch" ptType="sibTrans" refType="w" refFor="ch" refForName="compNode" op="equ" fact="0.08"/>
      <dgm:constr type="sp" refType="w" refFor="ch" refForName="compNode" op="equ" fact="0.16"/>
      <dgm:constr type="primFontSz" for="des" forName="parentText" op="equ" val="65"/>
      <dgm:constr type="primFontSz" for="des" forName="childRect" op="equ" val="65"/>
    </dgm:constrLst>
    <dgm:ruleLst/>
    <dgm:forEach name="nodesForEach" axis="ch" ptType="node">
      <dgm:layoutNode name="compNode">
        <dgm:alg type="composite">
          <dgm:param type="ar" val="0.943"/>
        </dgm:alg>
        <dgm:shape xmlns:r="http://schemas.openxmlformats.org/officeDocument/2006/relationships" r:blip="">
          <dgm:adjLst/>
        </dgm:shape>
        <dgm:presOf/>
        <dgm:choose name="Name3">
          <dgm:if name="Name4" axis="self" func="var" arg="dir" op="equ" val="norm">
            <dgm:constrLst>
              <dgm:constr type="w" val="1"/>
              <dgm:constr type="h" refType="w" fact="1.06"/>
              <dgm:constr type="h" for="ch" forName="childRect" refType="h" fact="0.65"/>
              <dgm:constr type="w" for="ch" forName="childRect" refType="w" fact="0.923"/>
              <dgm:constr type="l" for="ch" forName="childRect"/>
              <dgm:constr type="t" for="ch" forName="childRect"/>
              <dgm:constr type="w" for="ch" forName="parentText" refType="w" fact="0.65"/>
              <dgm:constr type="h" for="ch" forName="parentText" refType="h" refFor="ch" refForName="childRect" fact="0.43"/>
              <dgm:constr type="l" for="ch" forName="parentText"/>
              <dgm:constr type="t" for="ch" forName="parentText" refType="h" refFor="ch" refForName="childRect"/>
              <dgm:constr type="w" for="ch" forName="parentRect" refType="w" fact="0.923"/>
              <dgm:constr type="h" for="ch" forName="parentRect" refType="h" refFor="ch" refForName="parentText"/>
              <dgm:constr type="l" for="ch" forName="parentRect"/>
              <dgm:constr type="t" for="ch" forName="parentRect" refType="t" refFor="ch" refForName="parentText"/>
              <dgm:constr type="w" for="ch" forName="adorn" refType="w" refFor="ch" refForName="parentRect" fact="0.35"/>
              <dgm:constr type="h" for="ch" forName="adorn" refType="w" refFor="ch" refForName="parentRect" fact="0.35"/>
              <dgm:constr type="b" for="ch" forName="adorn" refType="h"/>
              <dgm:constr type="r" for="ch" forName="adorn" refType="w"/>
            </dgm:constrLst>
          </dgm:if>
          <dgm:else name="Name5">
            <dgm:constrLst>
              <dgm:constr type="w" val="1"/>
              <dgm:constr type="h" refType="w" fact="1.06"/>
              <dgm:constr type="h" for="ch" forName="childRect" refType="h" fact="0.65"/>
              <dgm:constr type="w" for="ch" forName="childRect" refType="w" fact="0.923"/>
              <dgm:constr type="r" for="ch" forName="childRect" refType="w"/>
              <dgm:constr type="t" for="ch" forName="childRect"/>
              <dgm:constr type="w" for="ch" forName="parentText" refType="w" fact="0.65"/>
              <dgm:constr type="h" for="ch" forName="parentText" refType="h" refFor="ch" refForName="childRect" fact="0.43"/>
              <dgm:constr type="r" for="ch" forName="parentText" refType="w"/>
              <dgm:constr type="t" for="ch" forName="parentText" refType="h" refFor="ch" refForName="childRect"/>
              <dgm:constr type="w" for="ch" forName="parentRect" refType="w" fact="0.923"/>
              <dgm:constr type="h" for="ch" forName="parentRect" refType="h" refFor="ch" refForName="parentText"/>
              <dgm:constr type="r" for="ch" forName="parentRect" refType="w"/>
              <dgm:constr type="t" for="ch" forName="parentRect" refType="t" refFor="ch" refForName="parentText"/>
              <dgm:constr type="w" for="ch" forName="adorn" refType="w" refFor="ch" refForName="parentRect" fact="0.35"/>
              <dgm:constr type="h" for="ch" forName="adorn" refType="w" refFor="ch" refForName="parentRect" fact="0.35"/>
              <dgm:constr type="b" for="ch" forName="adorn" refType="h"/>
              <dgm:constr type="l" for="ch" forName="adorn"/>
            </dgm:constrLst>
          </dgm:else>
        </dgm:choose>
        <dgm:ruleLst/>
        <dgm:layoutNode name="childRect" styleLbl="bgAcc1">
          <dgm:varLst>
            <dgm:bulletEnabled val="1"/>
          </dgm:varLst>
          <dgm:alg type="tx">
            <dgm:param type="stBulletLvl" val="1"/>
          </dgm:alg>
          <dgm:shape xmlns:r="http://schemas.openxmlformats.org/officeDocument/2006/relationships" type="round2SameRect" r:blip="">
            <dgm:adjLst>
              <dgm:adj idx="1" val="0.08"/>
            </dgm:adjLst>
          </dgm:shape>
          <dgm:presOf axis="des" ptType="node"/>
          <dgm:constrLst>
            <dgm:constr type="secFontSz" refType="primFontSz"/>
            <dgm:constr type="tMarg" refType="primFontSz" fact="0.3"/>
            <dgm:constr type="bMarg" refType="primFontSz" fact="0.1"/>
            <dgm:constr type="lMarg" refType="primFontSz" fact="0.1"/>
            <dgm:constr type="rMarg" refType="primFontSz" fact="0.1"/>
          </dgm:constrLst>
          <dgm:ruleLst>
            <dgm:rule type="primFontSz" val="5" fact="NaN" max="NaN"/>
          </dgm:ruleLst>
        </dgm:layoutNode>
        <dgm:layoutNode name="parentText">
          <dgm:varLst>
            <dgm:chMax val="0"/>
            <dgm:bulletEnabled val="1"/>
          </dgm:varLst>
          <dgm:choose name="Name6">
            <dgm:if name="Name7" func="var" arg="dir" op="equ" val="norm">
              <dgm:alg type="tx">
                <dgm:param type="parTxLTRAlign" val="l"/>
                <dgm:param type="parTxRTLAlign" val="l"/>
              </dgm:alg>
            </dgm:if>
            <dgm:else name="Name8">
              <dgm:alg type="tx">
                <dgm:param type="parTxLTRAlign" val="r"/>
                <dgm:param type="parTxRTLAlign" val="r"/>
              </dgm:alg>
            </dgm:else>
          </dgm:choose>
          <dgm:shape xmlns:r="http://schemas.openxmlformats.org/officeDocument/2006/relationships" type="rect" r:blip="" zOrderOff="1" hideGeom="1">
            <dgm:adjLst/>
          </dgm:shape>
          <dgm:presOf axis="self" ptType="node"/>
          <dgm:constrLst>
            <dgm:constr type="tMarg"/>
            <dgm:constr type="bMarg"/>
            <dgm:constr type="lMarg" refType="primFontSz" fact="0.3"/>
            <dgm:constr type="rMarg" refType="primFontSz" fact="0.1"/>
          </dgm:constrLst>
          <dgm:ruleLst>
            <dgm:rule type="primFontSz" val="5" fact="NaN" max="NaN"/>
          </dgm:ruleLst>
        </dgm:layoutNode>
        <dgm:layoutNode name="parentRect" styleLbl="alignNode1">
          <dgm:alg type="sp"/>
          <dgm:shape xmlns:r="http://schemas.openxmlformats.org/officeDocument/2006/relationships" type="rect" r:blip="">
            <dgm:adjLst/>
          </dgm:shape>
          <dgm:presOf axis="self" ptType="node"/>
          <dgm:constrLst/>
          <dgm:ruleLst/>
        </dgm:layoutNode>
        <dgm:layoutNode name="adorn" styleLbl="fgAccFollowNod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constr type="w" val="1"/>
            <dgm:constr type="h" refType="w"/>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bList2">
  <dgm:title val=""/>
  <dgm:desc val=""/>
  <dgm:catLst>
    <dgm:cat type="list" pri="7000"/>
    <dgm:cat type="convert" pri="16000"/>
    <dgm:cat type="picture" pri="28000"/>
    <dgm:cat type="pictureconvert" pri="28000"/>
  </dgm:catLst>
  <dgm:sampData useDef="1">
    <dgm:dataModel>
      <dgm:pt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diagram">
    <dgm:varLst>
      <dgm:dir/>
      <dgm:animLvl val="lvl"/>
      <dgm:resizeHandles val="exact"/>
    </dgm:varLst>
    <dgm:choose name="Name0">
      <dgm:if name="Name1" axis="self"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compNode" refType="w"/>
      <dgm:constr type="w" for="ch" ptType="sibTrans" refType="w" refFor="ch" refForName="compNode" op="equ" fact="0.08"/>
      <dgm:constr type="sp" refType="w" refFor="ch" refForName="compNode" op="equ" fact="0.16"/>
      <dgm:constr type="primFontSz" for="des" forName="parentText" op="equ" val="65"/>
      <dgm:constr type="primFontSz" for="des" forName="childRect" op="equ" val="65"/>
    </dgm:constrLst>
    <dgm:ruleLst/>
    <dgm:forEach name="nodesForEach" axis="ch" ptType="node">
      <dgm:layoutNode name="compNode">
        <dgm:alg type="composite">
          <dgm:param type="ar" val="0.943"/>
        </dgm:alg>
        <dgm:shape xmlns:r="http://schemas.openxmlformats.org/officeDocument/2006/relationships" r:blip="">
          <dgm:adjLst/>
        </dgm:shape>
        <dgm:presOf/>
        <dgm:choose name="Name3">
          <dgm:if name="Name4" axis="self" func="var" arg="dir" op="equ" val="norm">
            <dgm:constrLst>
              <dgm:constr type="w" val="1"/>
              <dgm:constr type="h" refType="w" fact="1.06"/>
              <dgm:constr type="h" for="ch" forName="childRect" refType="h" fact="0.65"/>
              <dgm:constr type="w" for="ch" forName="childRect" refType="w" fact="0.923"/>
              <dgm:constr type="l" for="ch" forName="childRect"/>
              <dgm:constr type="t" for="ch" forName="childRect"/>
              <dgm:constr type="w" for="ch" forName="parentText" refType="w" fact="0.65"/>
              <dgm:constr type="h" for="ch" forName="parentText" refType="h" refFor="ch" refForName="childRect" fact="0.43"/>
              <dgm:constr type="l" for="ch" forName="parentText"/>
              <dgm:constr type="t" for="ch" forName="parentText" refType="h" refFor="ch" refForName="childRect"/>
              <dgm:constr type="w" for="ch" forName="parentRect" refType="w" fact="0.923"/>
              <dgm:constr type="h" for="ch" forName="parentRect" refType="h" refFor="ch" refForName="parentText"/>
              <dgm:constr type="l" for="ch" forName="parentRect"/>
              <dgm:constr type="t" for="ch" forName="parentRect" refType="t" refFor="ch" refForName="parentText"/>
              <dgm:constr type="w" for="ch" forName="adorn" refType="w" refFor="ch" refForName="parentRect" fact="0.35"/>
              <dgm:constr type="h" for="ch" forName="adorn" refType="w" refFor="ch" refForName="parentRect" fact="0.35"/>
              <dgm:constr type="b" for="ch" forName="adorn" refType="h"/>
              <dgm:constr type="r" for="ch" forName="adorn" refType="w"/>
            </dgm:constrLst>
          </dgm:if>
          <dgm:else name="Name5">
            <dgm:constrLst>
              <dgm:constr type="w" val="1"/>
              <dgm:constr type="h" refType="w" fact="1.06"/>
              <dgm:constr type="h" for="ch" forName="childRect" refType="h" fact="0.65"/>
              <dgm:constr type="w" for="ch" forName="childRect" refType="w" fact="0.923"/>
              <dgm:constr type="r" for="ch" forName="childRect" refType="w"/>
              <dgm:constr type="t" for="ch" forName="childRect"/>
              <dgm:constr type="w" for="ch" forName="parentText" refType="w" fact="0.65"/>
              <dgm:constr type="h" for="ch" forName="parentText" refType="h" refFor="ch" refForName="childRect" fact="0.43"/>
              <dgm:constr type="r" for="ch" forName="parentText" refType="w"/>
              <dgm:constr type="t" for="ch" forName="parentText" refType="h" refFor="ch" refForName="childRect"/>
              <dgm:constr type="w" for="ch" forName="parentRect" refType="w" fact="0.923"/>
              <dgm:constr type="h" for="ch" forName="parentRect" refType="h" refFor="ch" refForName="parentText"/>
              <dgm:constr type="r" for="ch" forName="parentRect" refType="w"/>
              <dgm:constr type="t" for="ch" forName="parentRect" refType="t" refFor="ch" refForName="parentText"/>
              <dgm:constr type="w" for="ch" forName="adorn" refType="w" refFor="ch" refForName="parentRect" fact="0.35"/>
              <dgm:constr type="h" for="ch" forName="adorn" refType="w" refFor="ch" refForName="parentRect" fact="0.35"/>
              <dgm:constr type="b" for="ch" forName="adorn" refType="h"/>
              <dgm:constr type="l" for="ch" forName="adorn"/>
            </dgm:constrLst>
          </dgm:else>
        </dgm:choose>
        <dgm:ruleLst/>
        <dgm:layoutNode name="childRect" styleLbl="bgAcc1">
          <dgm:varLst>
            <dgm:bulletEnabled val="1"/>
          </dgm:varLst>
          <dgm:alg type="tx">
            <dgm:param type="stBulletLvl" val="1"/>
          </dgm:alg>
          <dgm:shape xmlns:r="http://schemas.openxmlformats.org/officeDocument/2006/relationships" type="round2SameRect" r:blip="">
            <dgm:adjLst>
              <dgm:adj idx="1" val="0.08"/>
            </dgm:adjLst>
          </dgm:shape>
          <dgm:presOf axis="des" ptType="node"/>
          <dgm:constrLst>
            <dgm:constr type="secFontSz" refType="primFontSz"/>
            <dgm:constr type="tMarg" refType="primFontSz" fact="0.3"/>
            <dgm:constr type="bMarg" refType="primFontSz" fact="0.1"/>
            <dgm:constr type="lMarg" refType="primFontSz" fact="0.1"/>
            <dgm:constr type="rMarg" refType="primFontSz" fact="0.1"/>
          </dgm:constrLst>
          <dgm:ruleLst>
            <dgm:rule type="primFontSz" val="5" fact="NaN" max="NaN"/>
          </dgm:ruleLst>
        </dgm:layoutNode>
        <dgm:layoutNode name="parentText">
          <dgm:varLst>
            <dgm:chMax val="0"/>
            <dgm:bulletEnabled val="1"/>
          </dgm:varLst>
          <dgm:choose name="Name6">
            <dgm:if name="Name7" func="var" arg="dir" op="equ" val="norm">
              <dgm:alg type="tx">
                <dgm:param type="parTxLTRAlign" val="l"/>
                <dgm:param type="parTxRTLAlign" val="l"/>
              </dgm:alg>
            </dgm:if>
            <dgm:else name="Name8">
              <dgm:alg type="tx">
                <dgm:param type="parTxLTRAlign" val="r"/>
                <dgm:param type="parTxRTLAlign" val="r"/>
              </dgm:alg>
            </dgm:else>
          </dgm:choose>
          <dgm:shape xmlns:r="http://schemas.openxmlformats.org/officeDocument/2006/relationships" type="rect" r:blip="" zOrderOff="1" hideGeom="1">
            <dgm:adjLst/>
          </dgm:shape>
          <dgm:presOf axis="self" ptType="node"/>
          <dgm:constrLst>
            <dgm:constr type="tMarg"/>
            <dgm:constr type="bMarg"/>
            <dgm:constr type="lMarg" refType="primFontSz" fact="0.3"/>
            <dgm:constr type="rMarg" refType="primFontSz" fact="0.1"/>
          </dgm:constrLst>
          <dgm:ruleLst>
            <dgm:rule type="primFontSz" val="5" fact="NaN" max="NaN"/>
          </dgm:ruleLst>
        </dgm:layoutNode>
        <dgm:layoutNode name="parentRect" styleLbl="alignNode1">
          <dgm:alg type="sp"/>
          <dgm:shape xmlns:r="http://schemas.openxmlformats.org/officeDocument/2006/relationships" type="rect" r:blip="">
            <dgm:adjLst/>
          </dgm:shape>
          <dgm:presOf axis="self" ptType="node"/>
          <dgm:constrLst/>
          <dgm:ruleLst/>
        </dgm:layoutNode>
        <dgm:layoutNode name="adorn" styleLbl="fgAccFollowNod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constr type="w" val="1"/>
            <dgm:constr type="h" refType="w"/>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bList2">
  <dgm:title val=""/>
  <dgm:desc val=""/>
  <dgm:catLst>
    <dgm:cat type="list" pri="7000"/>
    <dgm:cat type="convert" pri="16000"/>
    <dgm:cat type="picture" pri="28000"/>
    <dgm:cat type="pictureconvert" pri="28000"/>
  </dgm:catLst>
  <dgm:sampData useDef="1">
    <dgm:dataModel>
      <dgm:pt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diagram">
    <dgm:varLst>
      <dgm:dir/>
      <dgm:animLvl val="lvl"/>
      <dgm:resizeHandles val="exact"/>
    </dgm:varLst>
    <dgm:choose name="Name0">
      <dgm:if name="Name1" axis="self"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compNode" refType="w"/>
      <dgm:constr type="w" for="ch" ptType="sibTrans" refType="w" refFor="ch" refForName="compNode" op="equ" fact="0.08"/>
      <dgm:constr type="sp" refType="w" refFor="ch" refForName="compNode" op="equ" fact="0.16"/>
      <dgm:constr type="primFontSz" for="des" forName="parentText" op="equ" val="65"/>
      <dgm:constr type="primFontSz" for="des" forName="childRect" op="equ" val="65"/>
    </dgm:constrLst>
    <dgm:ruleLst/>
    <dgm:forEach name="nodesForEach" axis="ch" ptType="node">
      <dgm:layoutNode name="compNode">
        <dgm:alg type="composite">
          <dgm:param type="ar" val="0.943"/>
        </dgm:alg>
        <dgm:shape xmlns:r="http://schemas.openxmlformats.org/officeDocument/2006/relationships" r:blip="">
          <dgm:adjLst/>
        </dgm:shape>
        <dgm:presOf/>
        <dgm:choose name="Name3">
          <dgm:if name="Name4" axis="self" func="var" arg="dir" op="equ" val="norm">
            <dgm:constrLst>
              <dgm:constr type="w" val="1"/>
              <dgm:constr type="h" refType="w" fact="1.06"/>
              <dgm:constr type="h" for="ch" forName="childRect" refType="h" fact="0.65"/>
              <dgm:constr type="w" for="ch" forName="childRect" refType="w" fact="0.923"/>
              <dgm:constr type="l" for="ch" forName="childRect"/>
              <dgm:constr type="t" for="ch" forName="childRect"/>
              <dgm:constr type="w" for="ch" forName="parentText" refType="w" fact="0.65"/>
              <dgm:constr type="h" for="ch" forName="parentText" refType="h" refFor="ch" refForName="childRect" fact="0.43"/>
              <dgm:constr type="l" for="ch" forName="parentText"/>
              <dgm:constr type="t" for="ch" forName="parentText" refType="h" refFor="ch" refForName="childRect"/>
              <dgm:constr type="w" for="ch" forName="parentRect" refType="w" fact="0.923"/>
              <dgm:constr type="h" for="ch" forName="parentRect" refType="h" refFor="ch" refForName="parentText"/>
              <dgm:constr type="l" for="ch" forName="parentRect"/>
              <dgm:constr type="t" for="ch" forName="parentRect" refType="t" refFor="ch" refForName="parentText"/>
              <dgm:constr type="w" for="ch" forName="adorn" refType="w" refFor="ch" refForName="parentRect" fact="0.35"/>
              <dgm:constr type="h" for="ch" forName="adorn" refType="w" refFor="ch" refForName="parentRect" fact="0.35"/>
              <dgm:constr type="b" for="ch" forName="adorn" refType="h"/>
              <dgm:constr type="r" for="ch" forName="adorn" refType="w"/>
            </dgm:constrLst>
          </dgm:if>
          <dgm:else name="Name5">
            <dgm:constrLst>
              <dgm:constr type="w" val="1"/>
              <dgm:constr type="h" refType="w" fact="1.06"/>
              <dgm:constr type="h" for="ch" forName="childRect" refType="h" fact="0.65"/>
              <dgm:constr type="w" for="ch" forName="childRect" refType="w" fact="0.923"/>
              <dgm:constr type="r" for="ch" forName="childRect" refType="w"/>
              <dgm:constr type="t" for="ch" forName="childRect"/>
              <dgm:constr type="w" for="ch" forName="parentText" refType="w" fact="0.65"/>
              <dgm:constr type="h" for="ch" forName="parentText" refType="h" refFor="ch" refForName="childRect" fact="0.43"/>
              <dgm:constr type="r" for="ch" forName="parentText" refType="w"/>
              <dgm:constr type="t" for="ch" forName="parentText" refType="h" refFor="ch" refForName="childRect"/>
              <dgm:constr type="w" for="ch" forName="parentRect" refType="w" fact="0.923"/>
              <dgm:constr type="h" for="ch" forName="parentRect" refType="h" refFor="ch" refForName="parentText"/>
              <dgm:constr type="r" for="ch" forName="parentRect" refType="w"/>
              <dgm:constr type="t" for="ch" forName="parentRect" refType="t" refFor="ch" refForName="parentText"/>
              <dgm:constr type="w" for="ch" forName="adorn" refType="w" refFor="ch" refForName="parentRect" fact="0.35"/>
              <dgm:constr type="h" for="ch" forName="adorn" refType="w" refFor="ch" refForName="parentRect" fact="0.35"/>
              <dgm:constr type="b" for="ch" forName="adorn" refType="h"/>
              <dgm:constr type="l" for="ch" forName="adorn"/>
            </dgm:constrLst>
          </dgm:else>
        </dgm:choose>
        <dgm:ruleLst/>
        <dgm:layoutNode name="childRect" styleLbl="bgAcc1">
          <dgm:varLst>
            <dgm:bulletEnabled val="1"/>
          </dgm:varLst>
          <dgm:alg type="tx">
            <dgm:param type="stBulletLvl" val="1"/>
          </dgm:alg>
          <dgm:shape xmlns:r="http://schemas.openxmlformats.org/officeDocument/2006/relationships" type="round2SameRect" r:blip="">
            <dgm:adjLst>
              <dgm:adj idx="1" val="0.08"/>
            </dgm:adjLst>
          </dgm:shape>
          <dgm:presOf axis="des" ptType="node"/>
          <dgm:constrLst>
            <dgm:constr type="secFontSz" refType="primFontSz"/>
            <dgm:constr type="tMarg" refType="primFontSz" fact="0.3"/>
            <dgm:constr type="bMarg" refType="primFontSz" fact="0.1"/>
            <dgm:constr type="lMarg" refType="primFontSz" fact="0.1"/>
            <dgm:constr type="rMarg" refType="primFontSz" fact="0.1"/>
          </dgm:constrLst>
          <dgm:ruleLst>
            <dgm:rule type="primFontSz" val="5" fact="NaN" max="NaN"/>
          </dgm:ruleLst>
        </dgm:layoutNode>
        <dgm:layoutNode name="parentText">
          <dgm:varLst>
            <dgm:chMax val="0"/>
            <dgm:bulletEnabled val="1"/>
          </dgm:varLst>
          <dgm:choose name="Name6">
            <dgm:if name="Name7" func="var" arg="dir" op="equ" val="norm">
              <dgm:alg type="tx">
                <dgm:param type="parTxLTRAlign" val="l"/>
                <dgm:param type="parTxRTLAlign" val="l"/>
              </dgm:alg>
            </dgm:if>
            <dgm:else name="Name8">
              <dgm:alg type="tx">
                <dgm:param type="parTxLTRAlign" val="r"/>
                <dgm:param type="parTxRTLAlign" val="r"/>
              </dgm:alg>
            </dgm:else>
          </dgm:choose>
          <dgm:shape xmlns:r="http://schemas.openxmlformats.org/officeDocument/2006/relationships" type="rect" r:blip="" zOrderOff="1" hideGeom="1">
            <dgm:adjLst/>
          </dgm:shape>
          <dgm:presOf axis="self" ptType="node"/>
          <dgm:constrLst>
            <dgm:constr type="tMarg"/>
            <dgm:constr type="bMarg"/>
            <dgm:constr type="lMarg" refType="primFontSz" fact="0.3"/>
            <dgm:constr type="rMarg" refType="primFontSz" fact="0.1"/>
          </dgm:constrLst>
          <dgm:ruleLst>
            <dgm:rule type="primFontSz" val="5" fact="NaN" max="NaN"/>
          </dgm:ruleLst>
        </dgm:layoutNode>
        <dgm:layoutNode name="parentRect" styleLbl="alignNode1">
          <dgm:alg type="sp"/>
          <dgm:shape xmlns:r="http://schemas.openxmlformats.org/officeDocument/2006/relationships" type="rect" r:blip="">
            <dgm:adjLst/>
          </dgm:shape>
          <dgm:presOf axis="self" ptType="node"/>
          <dgm:constrLst/>
          <dgm:ruleLst/>
        </dgm:layoutNode>
        <dgm:layoutNode name="adorn" styleLbl="fgAccFollowNod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constr type="w" val="1"/>
            <dgm:constr type="h" refType="w"/>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PH"/>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7DD24AD-1DC0-48A2-A70E-5A60A0828C6A}" type="datetimeFigureOut">
              <a:rPr lang="en-PH" smtClean="0"/>
              <a:t>26/02/2023</a:t>
            </a:fld>
            <a:endParaRPr lang="en-PH"/>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PH"/>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PH"/>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PH"/>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4D984A9-C449-4C99-982D-82891B157787}" type="slidenum">
              <a:rPr lang="en-PH" smtClean="0"/>
              <a:t>‹#›</a:t>
            </a:fld>
            <a:endParaRPr lang="en-PH"/>
          </a:p>
        </p:txBody>
      </p:sp>
    </p:spTree>
    <p:extLst>
      <p:ext uri="{BB962C8B-B14F-4D97-AF65-F5344CB8AC3E}">
        <p14:creationId xmlns:p14="http://schemas.microsoft.com/office/powerpoint/2010/main" val="263188081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Just to save your time, we will only discussed key points </a:t>
            </a:r>
          </a:p>
        </p:txBody>
      </p:sp>
      <p:sp>
        <p:nvSpPr>
          <p:cNvPr id="4" name="Slide Number Placeholder 3"/>
          <p:cNvSpPr>
            <a:spLocks noGrp="1"/>
          </p:cNvSpPr>
          <p:nvPr>
            <p:ph type="sldNum" sz="quarter" idx="5"/>
          </p:nvPr>
        </p:nvSpPr>
        <p:spPr/>
        <p:txBody>
          <a:bodyPr/>
          <a:lstStyle/>
          <a:p>
            <a:fld id="{04D984A9-C449-4C99-982D-82891B157787}" type="slidenum">
              <a:rPr lang="en-PH" smtClean="0"/>
              <a:t>3</a:t>
            </a:fld>
            <a:endParaRPr lang="en-PH"/>
          </a:p>
        </p:txBody>
      </p:sp>
    </p:spTree>
    <p:extLst>
      <p:ext uri="{BB962C8B-B14F-4D97-AF65-F5344CB8AC3E}">
        <p14:creationId xmlns:p14="http://schemas.microsoft.com/office/powerpoint/2010/main" val="28280168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12</a:t>
            </a:fld>
            <a:endParaRPr lang="en-PH"/>
          </a:p>
        </p:txBody>
      </p:sp>
    </p:spTree>
    <p:extLst>
      <p:ext uri="{BB962C8B-B14F-4D97-AF65-F5344CB8AC3E}">
        <p14:creationId xmlns:p14="http://schemas.microsoft.com/office/powerpoint/2010/main" val="38135724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13</a:t>
            </a:fld>
            <a:endParaRPr lang="en-PH"/>
          </a:p>
        </p:txBody>
      </p:sp>
    </p:spTree>
    <p:extLst>
      <p:ext uri="{BB962C8B-B14F-4D97-AF65-F5344CB8AC3E}">
        <p14:creationId xmlns:p14="http://schemas.microsoft.com/office/powerpoint/2010/main" val="181579542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14</a:t>
            </a:fld>
            <a:endParaRPr lang="en-PH"/>
          </a:p>
        </p:txBody>
      </p:sp>
    </p:spTree>
    <p:extLst>
      <p:ext uri="{BB962C8B-B14F-4D97-AF65-F5344CB8AC3E}">
        <p14:creationId xmlns:p14="http://schemas.microsoft.com/office/powerpoint/2010/main" val="59406100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15</a:t>
            </a:fld>
            <a:endParaRPr lang="en-PH"/>
          </a:p>
        </p:txBody>
      </p:sp>
    </p:spTree>
    <p:extLst>
      <p:ext uri="{BB962C8B-B14F-4D97-AF65-F5344CB8AC3E}">
        <p14:creationId xmlns:p14="http://schemas.microsoft.com/office/powerpoint/2010/main" val="34147086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16</a:t>
            </a:fld>
            <a:endParaRPr lang="en-PH"/>
          </a:p>
        </p:txBody>
      </p:sp>
    </p:spTree>
    <p:extLst>
      <p:ext uri="{BB962C8B-B14F-4D97-AF65-F5344CB8AC3E}">
        <p14:creationId xmlns:p14="http://schemas.microsoft.com/office/powerpoint/2010/main" val="128276186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17</a:t>
            </a:fld>
            <a:endParaRPr lang="en-PH"/>
          </a:p>
        </p:txBody>
      </p:sp>
    </p:spTree>
    <p:extLst>
      <p:ext uri="{BB962C8B-B14F-4D97-AF65-F5344CB8AC3E}">
        <p14:creationId xmlns:p14="http://schemas.microsoft.com/office/powerpoint/2010/main" val="178560295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4</a:t>
            </a:fld>
            <a:endParaRPr lang="en-PH"/>
          </a:p>
        </p:txBody>
      </p:sp>
    </p:spTree>
    <p:extLst>
      <p:ext uri="{BB962C8B-B14F-4D97-AF65-F5344CB8AC3E}">
        <p14:creationId xmlns:p14="http://schemas.microsoft.com/office/powerpoint/2010/main" val="151655171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 (Cebu Airport AGL Damages ….. Resort in Cebu, dama</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a:t>
            </a:r>
          </a:p>
          <a:p>
            <a:pPr marL="171450" indent="-171450">
              <a:buFontTx/>
              <a:buChar char="-"/>
            </a:pPr>
            <a:endParaRPr lang="en-US" b="0" i="0">
              <a:solidFill>
                <a:srgbClr val="000000"/>
              </a:solidFill>
              <a:effectLst/>
              <a:latin typeface="Verdana" panose="020B0604030504040204" pitchFamily="34" charset="0"/>
              <a:sym typeface="Wingdings" panose="05000000000000000000" pitchFamily="2" charset="2"/>
            </a:endParaRPr>
          </a:p>
          <a:p>
            <a:pPr marL="171450" indent="-171450">
              <a:buFontTx/>
              <a:buChar char="-"/>
            </a:pP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5</a:t>
            </a:fld>
            <a:endParaRPr lang="en-PH"/>
          </a:p>
        </p:txBody>
      </p:sp>
    </p:spTree>
    <p:extLst>
      <p:ext uri="{BB962C8B-B14F-4D97-AF65-F5344CB8AC3E}">
        <p14:creationId xmlns:p14="http://schemas.microsoft.com/office/powerpoint/2010/main" val="24862832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6</a:t>
            </a:fld>
            <a:endParaRPr lang="en-PH"/>
          </a:p>
        </p:txBody>
      </p:sp>
    </p:spTree>
    <p:extLst>
      <p:ext uri="{BB962C8B-B14F-4D97-AF65-F5344CB8AC3E}">
        <p14:creationId xmlns:p14="http://schemas.microsoft.com/office/powerpoint/2010/main" val="416862171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7</a:t>
            </a:fld>
            <a:endParaRPr lang="en-PH"/>
          </a:p>
        </p:txBody>
      </p:sp>
    </p:spTree>
    <p:extLst>
      <p:ext uri="{BB962C8B-B14F-4D97-AF65-F5344CB8AC3E}">
        <p14:creationId xmlns:p14="http://schemas.microsoft.com/office/powerpoint/2010/main" val="346897749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8</a:t>
            </a:fld>
            <a:endParaRPr lang="en-PH"/>
          </a:p>
        </p:txBody>
      </p:sp>
    </p:spTree>
    <p:extLst>
      <p:ext uri="{BB962C8B-B14F-4D97-AF65-F5344CB8AC3E}">
        <p14:creationId xmlns:p14="http://schemas.microsoft.com/office/powerpoint/2010/main" val="83540642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9</a:t>
            </a:fld>
            <a:endParaRPr lang="en-PH"/>
          </a:p>
        </p:txBody>
      </p:sp>
    </p:spTree>
    <p:extLst>
      <p:ext uri="{BB962C8B-B14F-4D97-AF65-F5344CB8AC3E}">
        <p14:creationId xmlns:p14="http://schemas.microsoft.com/office/powerpoint/2010/main" val="277715939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10</a:t>
            </a:fld>
            <a:endParaRPr lang="en-PH"/>
          </a:p>
        </p:txBody>
      </p:sp>
    </p:spTree>
    <p:extLst>
      <p:ext uri="{BB962C8B-B14F-4D97-AF65-F5344CB8AC3E}">
        <p14:creationId xmlns:p14="http://schemas.microsoft.com/office/powerpoint/2010/main" val="31552860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i="0">
                <a:solidFill>
                  <a:srgbClr val="000000"/>
                </a:solidFill>
                <a:effectLst/>
                <a:latin typeface="Verdana" panose="020B0604030504040204" pitchFamily="34" charset="0"/>
              </a:rPr>
              <a:t>Put three pictures</a:t>
            </a:r>
          </a:p>
          <a:p>
            <a:pPr marL="171450" indent="-171450">
              <a:buFontTx/>
              <a:buChar char="-"/>
            </a:pPr>
            <a:r>
              <a:rPr lang="en-US" b="0" i="0">
                <a:solidFill>
                  <a:srgbClr val="000000"/>
                </a:solidFill>
                <a:effectLst/>
                <a:latin typeface="Verdana" panose="020B0604030504040204" pitchFamily="34" charset="0"/>
              </a:rPr>
              <a:t>Cebu Odette impact</a:t>
            </a:r>
          </a:p>
          <a:p>
            <a:pPr marL="171450" indent="-171450">
              <a:buFontTx/>
              <a:buChar char="-"/>
            </a:pPr>
            <a:r>
              <a:rPr lang="en-US" b="0" i="0">
                <a:solidFill>
                  <a:srgbClr val="000000"/>
                </a:solidFill>
                <a:effectLst/>
                <a:latin typeface="Verdana" panose="020B0604030504040204" pitchFamily="34" charset="0"/>
              </a:rPr>
              <a:t>Taal Volcanic eruption</a:t>
            </a:r>
          </a:p>
          <a:p>
            <a:pPr marL="171450" indent="-171450">
              <a:buFontTx/>
              <a:buChar char="-"/>
            </a:pPr>
            <a:r>
              <a:rPr lang="en-US" b="0" i="0">
                <a:solidFill>
                  <a:srgbClr val="000000"/>
                </a:solidFill>
                <a:effectLst/>
                <a:latin typeface="Verdana" panose="020B0604030504040204" pitchFamily="34" charset="0"/>
              </a:rPr>
              <a:t>Earthquake -</a:t>
            </a:r>
            <a:r>
              <a:rPr lang="en-US" b="0" i="0">
                <a:solidFill>
                  <a:srgbClr val="000000"/>
                </a:solidFill>
                <a:effectLst/>
                <a:latin typeface="Verdana" panose="020B0604030504040204" pitchFamily="34" charset="0"/>
                <a:sym typeface="Wingdings" panose="05000000000000000000" pitchFamily="2" charset="2"/>
              </a:rPr>
              <a:t> </a:t>
            </a:r>
            <a:endParaRPr lang="en-US" b="0" i="0">
              <a:solidFill>
                <a:srgbClr val="000000"/>
              </a:solidFill>
              <a:effectLst/>
              <a:latin typeface="Verdana" panose="020B0604030504040204" pitchFamily="34" charset="0"/>
            </a:endParaRPr>
          </a:p>
        </p:txBody>
      </p:sp>
      <p:sp>
        <p:nvSpPr>
          <p:cNvPr id="4" name="Slide Number Placeholder 3"/>
          <p:cNvSpPr>
            <a:spLocks noGrp="1"/>
          </p:cNvSpPr>
          <p:nvPr>
            <p:ph type="sldNum" sz="quarter" idx="5"/>
          </p:nvPr>
        </p:nvSpPr>
        <p:spPr/>
        <p:txBody>
          <a:bodyPr/>
          <a:lstStyle/>
          <a:p>
            <a:fld id="{04D984A9-C449-4C99-982D-82891B157787}" type="slidenum">
              <a:rPr lang="en-PH" smtClean="0"/>
              <a:t>11</a:t>
            </a:fld>
            <a:endParaRPr lang="en-PH"/>
          </a:p>
        </p:txBody>
      </p:sp>
    </p:spTree>
    <p:extLst>
      <p:ext uri="{BB962C8B-B14F-4D97-AF65-F5344CB8AC3E}">
        <p14:creationId xmlns:p14="http://schemas.microsoft.com/office/powerpoint/2010/main" val="250906191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EC728A0-8D94-2235-D0F9-382D1A1CBAD1}"/>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PH"/>
          </a:p>
        </p:txBody>
      </p:sp>
      <p:sp>
        <p:nvSpPr>
          <p:cNvPr id="3" name="Subtitle 2">
            <a:extLst>
              <a:ext uri="{FF2B5EF4-FFF2-40B4-BE49-F238E27FC236}">
                <a16:creationId xmlns:a16="http://schemas.microsoft.com/office/drawing/2014/main" id="{29A12958-FD79-F722-1BB8-FF51C48FB064}"/>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PH"/>
          </a:p>
        </p:txBody>
      </p:sp>
      <p:sp>
        <p:nvSpPr>
          <p:cNvPr id="4" name="Date Placeholder 3">
            <a:extLst>
              <a:ext uri="{FF2B5EF4-FFF2-40B4-BE49-F238E27FC236}">
                <a16:creationId xmlns:a16="http://schemas.microsoft.com/office/drawing/2014/main" id="{D9B9BD9A-2301-F3CB-E7F6-63B7108090D9}"/>
              </a:ext>
            </a:extLst>
          </p:cNvPr>
          <p:cNvSpPr>
            <a:spLocks noGrp="1"/>
          </p:cNvSpPr>
          <p:nvPr>
            <p:ph type="dt" sz="half" idx="10"/>
          </p:nvPr>
        </p:nvSpPr>
        <p:spPr/>
        <p:txBody>
          <a:bodyPr/>
          <a:lstStyle/>
          <a:p>
            <a:fld id="{F0D5BAE4-674B-4F2B-9478-68A7D306357A}" type="datetimeFigureOut">
              <a:rPr lang="en-PH" smtClean="0"/>
              <a:t>26/02/2023</a:t>
            </a:fld>
            <a:endParaRPr lang="en-PH"/>
          </a:p>
        </p:txBody>
      </p:sp>
      <p:sp>
        <p:nvSpPr>
          <p:cNvPr id="5" name="Footer Placeholder 4">
            <a:extLst>
              <a:ext uri="{FF2B5EF4-FFF2-40B4-BE49-F238E27FC236}">
                <a16:creationId xmlns:a16="http://schemas.microsoft.com/office/drawing/2014/main" id="{9C65C1C6-C2D2-6932-CEEB-46063C0BBB56}"/>
              </a:ext>
            </a:extLst>
          </p:cNvPr>
          <p:cNvSpPr>
            <a:spLocks noGrp="1"/>
          </p:cNvSpPr>
          <p:nvPr>
            <p:ph type="ftr" sz="quarter" idx="11"/>
          </p:nvPr>
        </p:nvSpPr>
        <p:spPr/>
        <p:txBody>
          <a:bodyPr/>
          <a:lstStyle/>
          <a:p>
            <a:endParaRPr lang="en-PH"/>
          </a:p>
        </p:txBody>
      </p:sp>
      <p:sp>
        <p:nvSpPr>
          <p:cNvPr id="6" name="Slide Number Placeholder 5">
            <a:extLst>
              <a:ext uri="{FF2B5EF4-FFF2-40B4-BE49-F238E27FC236}">
                <a16:creationId xmlns:a16="http://schemas.microsoft.com/office/drawing/2014/main" id="{A11D886F-3905-F47F-7C05-76C42935178B}"/>
              </a:ext>
            </a:extLst>
          </p:cNvPr>
          <p:cNvSpPr>
            <a:spLocks noGrp="1"/>
          </p:cNvSpPr>
          <p:nvPr>
            <p:ph type="sldNum" sz="quarter" idx="12"/>
          </p:nvPr>
        </p:nvSpPr>
        <p:spPr/>
        <p:txBody>
          <a:bodyPr/>
          <a:lstStyle/>
          <a:p>
            <a:fld id="{EF4AB33D-3A87-40BD-85AB-235A48682438}" type="slidenum">
              <a:rPr lang="en-PH" smtClean="0"/>
              <a:t>‹#›</a:t>
            </a:fld>
            <a:endParaRPr lang="en-PH"/>
          </a:p>
        </p:txBody>
      </p:sp>
      <p:pic>
        <p:nvPicPr>
          <p:cNvPr id="7" name="sLogo">
            <a:extLst>
              <a:ext uri="{FF2B5EF4-FFF2-40B4-BE49-F238E27FC236}">
                <a16:creationId xmlns:a16="http://schemas.microsoft.com/office/drawing/2014/main" id="{7E27F465-FCD2-EC6D-EFD9-A89877BAF364}"/>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t="1" r="32052" b="-27657"/>
          <a:stretch/>
        </p:blipFill>
        <p:spPr>
          <a:xfrm>
            <a:off x="9877867" y="383638"/>
            <a:ext cx="1748983" cy="347396"/>
          </a:xfrm>
          <a:prstGeom prst="rect">
            <a:avLst/>
          </a:prstGeom>
        </p:spPr>
      </p:pic>
    </p:spTree>
    <p:extLst>
      <p:ext uri="{BB962C8B-B14F-4D97-AF65-F5344CB8AC3E}">
        <p14:creationId xmlns:p14="http://schemas.microsoft.com/office/powerpoint/2010/main" val="218369034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E653CC7-A680-79C3-E73E-FE4DE57AA71A}"/>
              </a:ext>
            </a:extLst>
          </p:cNvPr>
          <p:cNvSpPr>
            <a:spLocks noGrp="1"/>
          </p:cNvSpPr>
          <p:nvPr>
            <p:ph type="title"/>
          </p:nvPr>
        </p:nvSpPr>
        <p:spPr/>
        <p:txBody>
          <a:bodyPr/>
          <a:lstStyle/>
          <a:p>
            <a:r>
              <a:rPr lang="en-US"/>
              <a:t>Click to edit Master title style</a:t>
            </a:r>
            <a:endParaRPr lang="en-PH"/>
          </a:p>
        </p:txBody>
      </p:sp>
      <p:sp>
        <p:nvSpPr>
          <p:cNvPr id="3" name="Vertical Text Placeholder 2">
            <a:extLst>
              <a:ext uri="{FF2B5EF4-FFF2-40B4-BE49-F238E27FC236}">
                <a16:creationId xmlns:a16="http://schemas.microsoft.com/office/drawing/2014/main" id="{B4E5CE7C-CC41-4DB0-2730-8C87D46A70BD}"/>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PH"/>
          </a:p>
        </p:txBody>
      </p:sp>
      <p:sp>
        <p:nvSpPr>
          <p:cNvPr id="4" name="Date Placeholder 3">
            <a:extLst>
              <a:ext uri="{FF2B5EF4-FFF2-40B4-BE49-F238E27FC236}">
                <a16:creationId xmlns:a16="http://schemas.microsoft.com/office/drawing/2014/main" id="{456A6EFF-E320-EAEE-03C1-C1D16DDF4F1B}"/>
              </a:ext>
            </a:extLst>
          </p:cNvPr>
          <p:cNvSpPr>
            <a:spLocks noGrp="1"/>
          </p:cNvSpPr>
          <p:nvPr>
            <p:ph type="dt" sz="half" idx="10"/>
          </p:nvPr>
        </p:nvSpPr>
        <p:spPr/>
        <p:txBody>
          <a:bodyPr/>
          <a:lstStyle/>
          <a:p>
            <a:fld id="{F0D5BAE4-674B-4F2B-9478-68A7D306357A}" type="datetimeFigureOut">
              <a:rPr lang="en-PH" smtClean="0"/>
              <a:t>26/02/2023</a:t>
            </a:fld>
            <a:endParaRPr lang="en-PH"/>
          </a:p>
        </p:txBody>
      </p:sp>
      <p:sp>
        <p:nvSpPr>
          <p:cNvPr id="5" name="Footer Placeholder 4">
            <a:extLst>
              <a:ext uri="{FF2B5EF4-FFF2-40B4-BE49-F238E27FC236}">
                <a16:creationId xmlns:a16="http://schemas.microsoft.com/office/drawing/2014/main" id="{4F673FE8-EBA4-5460-49C2-50124C4A2A74}"/>
              </a:ext>
            </a:extLst>
          </p:cNvPr>
          <p:cNvSpPr>
            <a:spLocks noGrp="1"/>
          </p:cNvSpPr>
          <p:nvPr>
            <p:ph type="ftr" sz="quarter" idx="11"/>
          </p:nvPr>
        </p:nvSpPr>
        <p:spPr/>
        <p:txBody>
          <a:bodyPr/>
          <a:lstStyle/>
          <a:p>
            <a:endParaRPr lang="en-PH"/>
          </a:p>
        </p:txBody>
      </p:sp>
      <p:sp>
        <p:nvSpPr>
          <p:cNvPr id="6" name="Slide Number Placeholder 5">
            <a:extLst>
              <a:ext uri="{FF2B5EF4-FFF2-40B4-BE49-F238E27FC236}">
                <a16:creationId xmlns:a16="http://schemas.microsoft.com/office/drawing/2014/main" id="{7E66C298-771F-BC40-FDA9-FCCE903F0D63}"/>
              </a:ext>
            </a:extLst>
          </p:cNvPr>
          <p:cNvSpPr>
            <a:spLocks noGrp="1"/>
          </p:cNvSpPr>
          <p:nvPr>
            <p:ph type="sldNum" sz="quarter" idx="12"/>
          </p:nvPr>
        </p:nvSpPr>
        <p:spPr/>
        <p:txBody>
          <a:bodyPr/>
          <a:lstStyle/>
          <a:p>
            <a:fld id="{EF4AB33D-3A87-40BD-85AB-235A48682438}" type="slidenum">
              <a:rPr lang="en-PH" smtClean="0"/>
              <a:t>‹#›</a:t>
            </a:fld>
            <a:endParaRPr lang="en-PH"/>
          </a:p>
        </p:txBody>
      </p:sp>
    </p:spTree>
    <p:extLst>
      <p:ext uri="{BB962C8B-B14F-4D97-AF65-F5344CB8AC3E}">
        <p14:creationId xmlns:p14="http://schemas.microsoft.com/office/powerpoint/2010/main" val="17151492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C382F43-D98F-787D-3B55-19897D912801}"/>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PH"/>
          </a:p>
        </p:txBody>
      </p:sp>
      <p:sp>
        <p:nvSpPr>
          <p:cNvPr id="3" name="Vertical Text Placeholder 2">
            <a:extLst>
              <a:ext uri="{FF2B5EF4-FFF2-40B4-BE49-F238E27FC236}">
                <a16:creationId xmlns:a16="http://schemas.microsoft.com/office/drawing/2014/main" id="{3612C1EB-8837-FA48-F566-9D86C2A31752}"/>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PH"/>
          </a:p>
        </p:txBody>
      </p:sp>
      <p:sp>
        <p:nvSpPr>
          <p:cNvPr id="4" name="Date Placeholder 3">
            <a:extLst>
              <a:ext uri="{FF2B5EF4-FFF2-40B4-BE49-F238E27FC236}">
                <a16:creationId xmlns:a16="http://schemas.microsoft.com/office/drawing/2014/main" id="{FC58FE1D-AF48-AE7F-E2A0-C905A60C5DD9}"/>
              </a:ext>
            </a:extLst>
          </p:cNvPr>
          <p:cNvSpPr>
            <a:spLocks noGrp="1"/>
          </p:cNvSpPr>
          <p:nvPr>
            <p:ph type="dt" sz="half" idx="10"/>
          </p:nvPr>
        </p:nvSpPr>
        <p:spPr/>
        <p:txBody>
          <a:bodyPr/>
          <a:lstStyle/>
          <a:p>
            <a:fld id="{F0D5BAE4-674B-4F2B-9478-68A7D306357A}" type="datetimeFigureOut">
              <a:rPr lang="en-PH" smtClean="0"/>
              <a:t>26/02/2023</a:t>
            </a:fld>
            <a:endParaRPr lang="en-PH"/>
          </a:p>
        </p:txBody>
      </p:sp>
      <p:sp>
        <p:nvSpPr>
          <p:cNvPr id="5" name="Footer Placeholder 4">
            <a:extLst>
              <a:ext uri="{FF2B5EF4-FFF2-40B4-BE49-F238E27FC236}">
                <a16:creationId xmlns:a16="http://schemas.microsoft.com/office/drawing/2014/main" id="{8B621F16-A9B3-CA98-F4EF-7BC0C4632F05}"/>
              </a:ext>
            </a:extLst>
          </p:cNvPr>
          <p:cNvSpPr>
            <a:spLocks noGrp="1"/>
          </p:cNvSpPr>
          <p:nvPr>
            <p:ph type="ftr" sz="quarter" idx="11"/>
          </p:nvPr>
        </p:nvSpPr>
        <p:spPr/>
        <p:txBody>
          <a:bodyPr/>
          <a:lstStyle/>
          <a:p>
            <a:endParaRPr lang="en-PH"/>
          </a:p>
        </p:txBody>
      </p:sp>
      <p:sp>
        <p:nvSpPr>
          <p:cNvPr id="6" name="Slide Number Placeholder 5">
            <a:extLst>
              <a:ext uri="{FF2B5EF4-FFF2-40B4-BE49-F238E27FC236}">
                <a16:creationId xmlns:a16="http://schemas.microsoft.com/office/drawing/2014/main" id="{626BA994-5567-87BC-463C-55C98D431C1C}"/>
              </a:ext>
            </a:extLst>
          </p:cNvPr>
          <p:cNvSpPr>
            <a:spLocks noGrp="1"/>
          </p:cNvSpPr>
          <p:nvPr>
            <p:ph type="sldNum" sz="quarter" idx="12"/>
          </p:nvPr>
        </p:nvSpPr>
        <p:spPr/>
        <p:txBody>
          <a:bodyPr/>
          <a:lstStyle/>
          <a:p>
            <a:fld id="{EF4AB33D-3A87-40BD-85AB-235A48682438}" type="slidenum">
              <a:rPr lang="en-PH" smtClean="0"/>
              <a:t>‹#›</a:t>
            </a:fld>
            <a:endParaRPr lang="en-PH"/>
          </a:p>
        </p:txBody>
      </p:sp>
    </p:spTree>
    <p:extLst>
      <p:ext uri="{BB962C8B-B14F-4D97-AF65-F5344CB8AC3E}">
        <p14:creationId xmlns:p14="http://schemas.microsoft.com/office/powerpoint/2010/main" val="371472772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8AB542-CE39-596D-7EB9-A74D670A2501}"/>
              </a:ext>
            </a:extLst>
          </p:cNvPr>
          <p:cNvSpPr>
            <a:spLocks noGrp="1"/>
          </p:cNvSpPr>
          <p:nvPr>
            <p:ph type="title"/>
          </p:nvPr>
        </p:nvSpPr>
        <p:spPr/>
        <p:txBody>
          <a:bodyPr/>
          <a:lstStyle/>
          <a:p>
            <a:r>
              <a:rPr lang="en-US"/>
              <a:t>Click to edit Master title style</a:t>
            </a:r>
            <a:endParaRPr lang="en-PH"/>
          </a:p>
        </p:txBody>
      </p:sp>
      <p:sp>
        <p:nvSpPr>
          <p:cNvPr id="3" name="Content Placeholder 2">
            <a:extLst>
              <a:ext uri="{FF2B5EF4-FFF2-40B4-BE49-F238E27FC236}">
                <a16:creationId xmlns:a16="http://schemas.microsoft.com/office/drawing/2014/main" id="{1D6FDAA4-A4CB-8C6B-CA93-77557F553B0F}"/>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PH"/>
          </a:p>
        </p:txBody>
      </p:sp>
      <p:sp>
        <p:nvSpPr>
          <p:cNvPr id="4" name="Date Placeholder 3">
            <a:extLst>
              <a:ext uri="{FF2B5EF4-FFF2-40B4-BE49-F238E27FC236}">
                <a16:creationId xmlns:a16="http://schemas.microsoft.com/office/drawing/2014/main" id="{C5C090C3-D012-9F55-DD1F-13E67E22E2CD}"/>
              </a:ext>
            </a:extLst>
          </p:cNvPr>
          <p:cNvSpPr>
            <a:spLocks noGrp="1"/>
          </p:cNvSpPr>
          <p:nvPr>
            <p:ph type="dt" sz="half" idx="10"/>
          </p:nvPr>
        </p:nvSpPr>
        <p:spPr/>
        <p:txBody>
          <a:bodyPr/>
          <a:lstStyle/>
          <a:p>
            <a:fld id="{F0D5BAE4-674B-4F2B-9478-68A7D306357A}" type="datetimeFigureOut">
              <a:rPr lang="en-PH" smtClean="0"/>
              <a:t>26/02/2023</a:t>
            </a:fld>
            <a:endParaRPr lang="en-PH"/>
          </a:p>
        </p:txBody>
      </p:sp>
      <p:sp>
        <p:nvSpPr>
          <p:cNvPr id="5" name="Footer Placeholder 4">
            <a:extLst>
              <a:ext uri="{FF2B5EF4-FFF2-40B4-BE49-F238E27FC236}">
                <a16:creationId xmlns:a16="http://schemas.microsoft.com/office/drawing/2014/main" id="{24B16FBE-1960-08FA-B2A1-F14BE9DC65F1}"/>
              </a:ext>
            </a:extLst>
          </p:cNvPr>
          <p:cNvSpPr>
            <a:spLocks noGrp="1"/>
          </p:cNvSpPr>
          <p:nvPr>
            <p:ph type="ftr" sz="quarter" idx="11"/>
          </p:nvPr>
        </p:nvSpPr>
        <p:spPr/>
        <p:txBody>
          <a:bodyPr/>
          <a:lstStyle/>
          <a:p>
            <a:endParaRPr lang="en-PH"/>
          </a:p>
        </p:txBody>
      </p:sp>
      <p:sp>
        <p:nvSpPr>
          <p:cNvPr id="6" name="Slide Number Placeholder 5">
            <a:extLst>
              <a:ext uri="{FF2B5EF4-FFF2-40B4-BE49-F238E27FC236}">
                <a16:creationId xmlns:a16="http://schemas.microsoft.com/office/drawing/2014/main" id="{888DB8FE-D4F9-E24A-55C7-ECD61453FF1D}"/>
              </a:ext>
            </a:extLst>
          </p:cNvPr>
          <p:cNvSpPr>
            <a:spLocks noGrp="1"/>
          </p:cNvSpPr>
          <p:nvPr>
            <p:ph type="sldNum" sz="quarter" idx="12"/>
          </p:nvPr>
        </p:nvSpPr>
        <p:spPr/>
        <p:txBody>
          <a:bodyPr/>
          <a:lstStyle/>
          <a:p>
            <a:fld id="{EF4AB33D-3A87-40BD-85AB-235A48682438}" type="slidenum">
              <a:rPr lang="en-PH" smtClean="0"/>
              <a:t>‹#›</a:t>
            </a:fld>
            <a:endParaRPr lang="en-PH"/>
          </a:p>
        </p:txBody>
      </p:sp>
    </p:spTree>
    <p:extLst>
      <p:ext uri="{BB962C8B-B14F-4D97-AF65-F5344CB8AC3E}">
        <p14:creationId xmlns:p14="http://schemas.microsoft.com/office/powerpoint/2010/main" val="85802202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613638-7559-ED84-300D-31FB9AE0571A}"/>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PH"/>
          </a:p>
        </p:txBody>
      </p:sp>
      <p:sp>
        <p:nvSpPr>
          <p:cNvPr id="3" name="Text Placeholder 2">
            <a:extLst>
              <a:ext uri="{FF2B5EF4-FFF2-40B4-BE49-F238E27FC236}">
                <a16:creationId xmlns:a16="http://schemas.microsoft.com/office/drawing/2014/main" id="{D703F5B8-564F-28CA-8F3F-98A4BB1A17E2}"/>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00C3A648-BE5D-AE41-51C5-7CA8B64FC2DC}"/>
              </a:ext>
            </a:extLst>
          </p:cNvPr>
          <p:cNvSpPr>
            <a:spLocks noGrp="1"/>
          </p:cNvSpPr>
          <p:nvPr>
            <p:ph type="dt" sz="half" idx="10"/>
          </p:nvPr>
        </p:nvSpPr>
        <p:spPr/>
        <p:txBody>
          <a:bodyPr/>
          <a:lstStyle/>
          <a:p>
            <a:fld id="{F0D5BAE4-674B-4F2B-9478-68A7D306357A}" type="datetimeFigureOut">
              <a:rPr lang="en-PH" smtClean="0"/>
              <a:t>26/02/2023</a:t>
            </a:fld>
            <a:endParaRPr lang="en-PH"/>
          </a:p>
        </p:txBody>
      </p:sp>
      <p:sp>
        <p:nvSpPr>
          <p:cNvPr id="5" name="Footer Placeholder 4">
            <a:extLst>
              <a:ext uri="{FF2B5EF4-FFF2-40B4-BE49-F238E27FC236}">
                <a16:creationId xmlns:a16="http://schemas.microsoft.com/office/drawing/2014/main" id="{AC1ABA0A-5A7D-CBBB-7C18-5001F2571189}"/>
              </a:ext>
            </a:extLst>
          </p:cNvPr>
          <p:cNvSpPr>
            <a:spLocks noGrp="1"/>
          </p:cNvSpPr>
          <p:nvPr>
            <p:ph type="ftr" sz="quarter" idx="11"/>
          </p:nvPr>
        </p:nvSpPr>
        <p:spPr/>
        <p:txBody>
          <a:bodyPr/>
          <a:lstStyle/>
          <a:p>
            <a:endParaRPr lang="en-PH"/>
          </a:p>
        </p:txBody>
      </p:sp>
      <p:sp>
        <p:nvSpPr>
          <p:cNvPr id="6" name="Slide Number Placeholder 5">
            <a:extLst>
              <a:ext uri="{FF2B5EF4-FFF2-40B4-BE49-F238E27FC236}">
                <a16:creationId xmlns:a16="http://schemas.microsoft.com/office/drawing/2014/main" id="{C1D6CD57-87BC-4644-FF95-95B8F2BD185C}"/>
              </a:ext>
            </a:extLst>
          </p:cNvPr>
          <p:cNvSpPr>
            <a:spLocks noGrp="1"/>
          </p:cNvSpPr>
          <p:nvPr>
            <p:ph type="sldNum" sz="quarter" idx="12"/>
          </p:nvPr>
        </p:nvSpPr>
        <p:spPr/>
        <p:txBody>
          <a:bodyPr/>
          <a:lstStyle/>
          <a:p>
            <a:fld id="{EF4AB33D-3A87-40BD-85AB-235A48682438}" type="slidenum">
              <a:rPr lang="en-PH" smtClean="0"/>
              <a:t>‹#›</a:t>
            </a:fld>
            <a:endParaRPr lang="en-PH"/>
          </a:p>
        </p:txBody>
      </p:sp>
    </p:spTree>
    <p:extLst>
      <p:ext uri="{BB962C8B-B14F-4D97-AF65-F5344CB8AC3E}">
        <p14:creationId xmlns:p14="http://schemas.microsoft.com/office/powerpoint/2010/main" val="369666374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B3C5E2-1E9C-F360-CE49-2ADECCC46F69}"/>
              </a:ext>
            </a:extLst>
          </p:cNvPr>
          <p:cNvSpPr>
            <a:spLocks noGrp="1"/>
          </p:cNvSpPr>
          <p:nvPr>
            <p:ph type="title"/>
          </p:nvPr>
        </p:nvSpPr>
        <p:spPr/>
        <p:txBody>
          <a:bodyPr/>
          <a:lstStyle/>
          <a:p>
            <a:r>
              <a:rPr lang="en-US"/>
              <a:t>Click to edit Master title style</a:t>
            </a:r>
            <a:endParaRPr lang="en-PH"/>
          </a:p>
        </p:txBody>
      </p:sp>
      <p:sp>
        <p:nvSpPr>
          <p:cNvPr id="3" name="Content Placeholder 2">
            <a:extLst>
              <a:ext uri="{FF2B5EF4-FFF2-40B4-BE49-F238E27FC236}">
                <a16:creationId xmlns:a16="http://schemas.microsoft.com/office/drawing/2014/main" id="{B699A671-C76E-E626-904C-6A882402E4A3}"/>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PH"/>
          </a:p>
        </p:txBody>
      </p:sp>
      <p:sp>
        <p:nvSpPr>
          <p:cNvPr id="4" name="Content Placeholder 3">
            <a:extLst>
              <a:ext uri="{FF2B5EF4-FFF2-40B4-BE49-F238E27FC236}">
                <a16:creationId xmlns:a16="http://schemas.microsoft.com/office/drawing/2014/main" id="{BA712981-9B77-B09F-E1AF-7307579B20F5}"/>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PH"/>
          </a:p>
        </p:txBody>
      </p:sp>
      <p:sp>
        <p:nvSpPr>
          <p:cNvPr id="5" name="Date Placeholder 4">
            <a:extLst>
              <a:ext uri="{FF2B5EF4-FFF2-40B4-BE49-F238E27FC236}">
                <a16:creationId xmlns:a16="http://schemas.microsoft.com/office/drawing/2014/main" id="{74886514-896F-C01D-363C-89305B3C9FB3}"/>
              </a:ext>
            </a:extLst>
          </p:cNvPr>
          <p:cNvSpPr>
            <a:spLocks noGrp="1"/>
          </p:cNvSpPr>
          <p:nvPr>
            <p:ph type="dt" sz="half" idx="10"/>
          </p:nvPr>
        </p:nvSpPr>
        <p:spPr/>
        <p:txBody>
          <a:bodyPr/>
          <a:lstStyle/>
          <a:p>
            <a:fld id="{F0D5BAE4-674B-4F2B-9478-68A7D306357A}" type="datetimeFigureOut">
              <a:rPr lang="en-PH" smtClean="0"/>
              <a:t>26/02/2023</a:t>
            </a:fld>
            <a:endParaRPr lang="en-PH"/>
          </a:p>
        </p:txBody>
      </p:sp>
      <p:sp>
        <p:nvSpPr>
          <p:cNvPr id="6" name="Footer Placeholder 5">
            <a:extLst>
              <a:ext uri="{FF2B5EF4-FFF2-40B4-BE49-F238E27FC236}">
                <a16:creationId xmlns:a16="http://schemas.microsoft.com/office/drawing/2014/main" id="{CEB1A183-D521-DA94-A4D5-971D17A2F951}"/>
              </a:ext>
            </a:extLst>
          </p:cNvPr>
          <p:cNvSpPr>
            <a:spLocks noGrp="1"/>
          </p:cNvSpPr>
          <p:nvPr>
            <p:ph type="ftr" sz="quarter" idx="11"/>
          </p:nvPr>
        </p:nvSpPr>
        <p:spPr/>
        <p:txBody>
          <a:bodyPr/>
          <a:lstStyle/>
          <a:p>
            <a:endParaRPr lang="en-PH"/>
          </a:p>
        </p:txBody>
      </p:sp>
      <p:sp>
        <p:nvSpPr>
          <p:cNvPr id="7" name="Slide Number Placeholder 6">
            <a:extLst>
              <a:ext uri="{FF2B5EF4-FFF2-40B4-BE49-F238E27FC236}">
                <a16:creationId xmlns:a16="http://schemas.microsoft.com/office/drawing/2014/main" id="{A3E91247-A4A9-4DB4-AA8D-23BD3918C1FA}"/>
              </a:ext>
            </a:extLst>
          </p:cNvPr>
          <p:cNvSpPr>
            <a:spLocks noGrp="1"/>
          </p:cNvSpPr>
          <p:nvPr>
            <p:ph type="sldNum" sz="quarter" idx="12"/>
          </p:nvPr>
        </p:nvSpPr>
        <p:spPr/>
        <p:txBody>
          <a:bodyPr/>
          <a:lstStyle/>
          <a:p>
            <a:fld id="{EF4AB33D-3A87-40BD-85AB-235A48682438}" type="slidenum">
              <a:rPr lang="en-PH" smtClean="0"/>
              <a:t>‹#›</a:t>
            </a:fld>
            <a:endParaRPr lang="en-PH"/>
          </a:p>
        </p:txBody>
      </p:sp>
    </p:spTree>
    <p:extLst>
      <p:ext uri="{BB962C8B-B14F-4D97-AF65-F5344CB8AC3E}">
        <p14:creationId xmlns:p14="http://schemas.microsoft.com/office/powerpoint/2010/main" val="161671925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27DC80-9EE2-394A-80D2-F032F6B367D4}"/>
              </a:ext>
            </a:extLst>
          </p:cNvPr>
          <p:cNvSpPr>
            <a:spLocks noGrp="1"/>
          </p:cNvSpPr>
          <p:nvPr>
            <p:ph type="title"/>
          </p:nvPr>
        </p:nvSpPr>
        <p:spPr>
          <a:xfrm>
            <a:off x="839788" y="365125"/>
            <a:ext cx="10515600" cy="1325563"/>
          </a:xfrm>
        </p:spPr>
        <p:txBody>
          <a:bodyPr/>
          <a:lstStyle/>
          <a:p>
            <a:r>
              <a:rPr lang="en-US"/>
              <a:t>Click to edit Master title style</a:t>
            </a:r>
            <a:endParaRPr lang="en-PH"/>
          </a:p>
        </p:txBody>
      </p:sp>
      <p:sp>
        <p:nvSpPr>
          <p:cNvPr id="3" name="Text Placeholder 2">
            <a:extLst>
              <a:ext uri="{FF2B5EF4-FFF2-40B4-BE49-F238E27FC236}">
                <a16:creationId xmlns:a16="http://schemas.microsoft.com/office/drawing/2014/main" id="{5EBE4572-30BB-782F-CBDA-1482C4FD91A9}"/>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C21EC302-3394-CA6E-F90F-EE39CFFE8C97}"/>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PH"/>
          </a:p>
        </p:txBody>
      </p:sp>
      <p:sp>
        <p:nvSpPr>
          <p:cNvPr id="5" name="Text Placeholder 4">
            <a:extLst>
              <a:ext uri="{FF2B5EF4-FFF2-40B4-BE49-F238E27FC236}">
                <a16:creationId xmlns:a16="http://schemas.microsoft.com/office/drawing/2014/main" id="{90E30094-7FD6-E488-A2D8-9EF7A3460834}"/>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F45EC943-E145-42E3-1491-13E6AC6F5769}"/>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PH"/>
          </a:p>
        </p:txBody>
      </p:sp>
      <p:sp>
        <p:nvSpPr>
          <p:cNvPr id="7" name="Date Placeholder 6">
            <a:extLst>
              <a:ext uri="{FF2B5EF4-FFF2-40B4-BE49-F238E27FC236}">
                <a16:creationId xmlns:a16="http://schemas.microsoft.com/office/drawing/2014/main" id="{B0B9427F-F7EB-57C3-0FA1-61453601F4A6}"/>
              </a:ext>
            </a:extLst>
          </p:cNvPr>
          <p:cNvSpPr>
            <a:spLocks noGrp="1"/>
          </p:cNvSpPr>
          <p:nvPr>
            <p:ph type="dt" sz="half" idx="10"/>
          </p:nvPr>
        </p:nvSpPr>
        <p:spPr/>
        <p:txBody>
          <a:bodyPr/>
          <a:lstStyle/>
          <a:p>
            <a:fld id="{F0D5BAE4-674B-4F2B-9478-68A7D306357A}" type="datetimeFigureOut">
              <a:rPr lang="en-PH" smtClean="0"/>
              <a:t>26/02/2023</a:t>
            </a:fld>
            <a:endParaRPr lang="en-PH"/>
          </a:p>
        </p:txBody>
      </p:sp>
      <p:sp>
        <p:nvSpPr>
          <p:cNvPr id="8" name="Footer Placeholder 7">
            <a:extLst>
              <a:ext uri="{FF2B5EF4-FFF2-40B4-BE49-F238E27FC236}">
                <a16:creationId xmlns:a16="http://schemas.microsoft.com/office/drawing/2014/main" id="{A045D446-63D8-DE98-F147-D68FC127525D}"/>
              </a:ext>
            </a:extLst>
          </p:cNvPr>
          <p:cNvSpPr>
            <a:spLocks noGrp="1"/>
          </p:cNvSpPr>
          <p:nvPr>
            <p:ph type="ftr" sz="quarter" idx="11"/>
          </p:nvPr>
        </p:nvSpPr>
        <p:spPr/>
        <p:txBody>
          <a:bodyPr/>
          <a:lstStyle/>
          <a:p>
            <a:endParaRPr lang="en-PH"/>
          </a:p>
        </p:txBody>
      </p:sp>
      <p:sp>
        <p:nvSpPr>
          <p:cNvPr id="9" name="Slide Number Placeholder 8">
            <a:extLst>
              <a:ext uri="{FF2B5EF4-FFF2-40B4-BE49-F238E27FC236}">
                <a16:creationId xmlns:a16="http://schemas.microsoft.com/office/drawing/2014/main" id="{9F57A291-E1F5-B79A-0D2F-724B7ED5A5AA}"/>
              </a:ext>
            </a:extLst>
          </p:cNvPr>
          <p:cNvSpPr>
            <a:spLocks noGrp="1"/>
          </p:cNvSpPr>
          <p:nvPr>
            <p:ph type="sldNum" sz="quarter" idx="12"/>
          </p:nvPr>
        </p:nvSpPr>
        <p:spPr/>
        <p:txBody>
          <a:bodyPr/>
          <a:lstStyle/>
          <a:p>
            <a:fld id="{EF4AB33D-3A87-40BD-85AB-235A48682438}" type="slidenum">
              <a:rPr lang="en-PH" smtClean="0"/>
              <a:t>‹#›</a:t>
            </a:fld>
            <a:endParaRPr lang="en-PH"/>
          </a:p>
        </p:txBody>
      </p:sp>
    </p:spTree>
    <p:extLst>
      <p:ext uri="{BB962C8B-B14F-4D97-AF65-F5344CB8AC3E}">
        <p14:creationId xmlns:p14="http://schemas.microsoft.com/office/powerpoint/2010/main" val="205750466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02110C-6C29-736D-E7BC-2DA182D6C365}"/>
              </a:ext>
            </a:extLst>
          </p:cNvPr>
          <p:cNvSpPr>
            <a:spLocks noGrp="1"/>
          </p:cNvSpPr>
          <p:nvPr>
            <p:ph type="title"/>
          </p:nvPr>
        </p:nvSpPr>
        <p:spPr/>
        <p:txBody>
          <a:bodyPr/>
          <a:lstStyle/>
          <a:p>
            <a:r>
              <a:rPr lang="en-US"/>
              <a:t>Click to edit Master title style</a:t>
            </a:r>
            <a:endParaRPr lang="en-PH"/>
          </a:p>
        </p:txBody>
      </p:sp>
      <p:sp>
        <p:nvSpPr>
          <p:cNvPr id="3" name="Date Placeholder 2">
            <a:extLst>
              <a:ext uri="{FF2B5EF4-FFF2-40B4-BE49-F238E27FC236}">
                <a16:creationId xmlns:a16="http://schemas.microsoft.com/office/drawing/2014/main" id="{A1A32C31-D6C5-65B7-E8D9-358FF0192411}"/>
              </a:ext>
            </a:extLst>
          </p:cNvPr>
          <p:cNvSpPr>
            <a:spLocks noGrp="1"/>
          </p:cNvSpPr>
          <p:nvPr>
            <p:ph type="dt" sz="half" idx="10"/>
          </p:nvPr>
        </p:nvSpPr>
        <p:spPr/>
        <p:txBody>
          <a:bodyPr/>
          <a:lstStyle/>
          <a:p>
            <a:fld id="{F0D5BAE4-674B-4F2B-9478-68A7D306357A}" type="datetimeFigureOut">
              <a:rPr lang="en-PH" smtClean="0"/>
              <a:t>26/02/2023</a:t>
            </a:fld>
            <a:endParaRPr lang="en-PH"/>
          </a:p>
        </p:txBody>
      </p:sp>
      <p:sp>
        <p:nvSpPr>
          <p:cNvPr id="4" name="Footer Placeholder 3">
            <a:extLst>
              <a:ext uri="{FF2B5EF4-FFF2-40B4-BE49-F238E27FC236}">
                <a16:creationId xmlns:a16="http://schemas.microsoft.com/office/drawing/2014/main" id="{99994C2E-A934-699A-4DC7-E7D7840C07BB}"/>
              </a:ext>
            </a:extLst>
          </p:cNvPr>
          <p:cNvSpPr>
            <a:spLocks noGrp="1"/>
          </p:cNvSpPr>
          <p:nvPr>
            <p:ph type="ftr" sz="quarter" idx="11"/>
          </p:nvPr>
        </p:nvSpPr>
        <p:spPr/>
        <p:txBody>
          <a:bodyPr/>
          <a:lstStyle/>
          <a:p>
            <a:endParaRPr lang="en-PH"/>
          </a:p>
        </p:txBody>
      </p:sp>
      <p:sp>
        <p:nvSpPr>
          <p:cNvPr id="5" name="Slide Number Placeholder 4">
            <a:extLst>
              <a:ext uri="{FF2B5EF4-FFF2-40B4-BE49-F238E27FC236}">
                <a16:creationId xmlns:a16="http://schemas.microsoft.com/office/drawing/2014/main" id="{12CE5A90-0F4A-DD04-AC24-E7753B8413C8}"/>
              </a:ext>
            </a:extLst>
          </p:cNvPr>
          <p:cNvSpPr>
            <a:spLocks noGrp="1"/>
          </p:cNvSpPr>
          <p:nvPr>
            <p:ph type="sldNum" sz="quarter" idx="12"/>
          </p:nvPr>
        </p:nvSpPr>
        <p:spPr/>
        <p:txBody>
          <a:bodyPr/>
          <a:lstStyle/>
          <a:p>
            <a:fld id="{EF4AB33D-3A87-40BD-85AB-235A48682438}" type="slidenum">
              <a:rPr lang="en-PH" smtClean="0"/>
              <a:t>‹#›</a:t>
            </a:fld>
            <a:endParaRPr lang="en-PH"/>
          </a:p>
        </p:txBody>
      </p:sp>
    </p:spTree>
    <p:extLst>
      <p:ext uri="{BB962C8B-B14F-4D97-AF65-F5344CB8AC3E}">
        <p14:creationId xmlns:p14="http://schemas.microsoft.com/office/powerpoint/2010/main" val="205869213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CC92C4B4-50C0-9E9E-1B83-0E9DCA02E09E}"/>
              </a:ext>
            </a:extLst>
          </p:cNvPr>
          <p:cNvSpPr>
            <a:spLocks noGrp="1"/>
          </p:cNvSpPr>
          <p:nvPr>
            <p:ph type="dt" sz="half" idx="10"/>
          </p:nvPr>
        </p:nvSpPr>
        <p:spPr/>
        <p:txBody>
          <a:bodyPr/>
          <a:lstStyle/>
          <a:p>
            <a:fld id="{F0D5BAE4-674B-4F2B-9478-68A7D306357A}" type="datetimeFigureOut">
              <a:rPr lang="en-PH" smtClean="0"/>
              <a:t>26/02/2023</a:t>
            </a:fld>
            <a:endParaRPr lang="en-PH"/>
          </a:p>
        </p:txBody>
      </p:sp>
      <p:sp>
        <p:nvSpPr>
          <p:cNvPr id="3" name="Footer Placeholder 2">
            <a:extLst>
              <a:ext uri="{FF2B5EF4-FFF2-40B4-BE49-F238E27FC236}">
                <a16:creationId xmlns:a16="http://schemas.microsoft.com/office/drawing/2014/main" id="{F3340176-8139-27DE-258B-A0DCAC9B711C}"/>
              </a:ext>
            </a:extLst>
          </p:cNvPr>
          <p:cNvSpPr>
            <a:spLocks noGrp="1"/>
          </p:cNvSpPr>
          <p:nvPr>
            <p:ph type="ftr" sz="quarter" idx="11"/>
          </p:nvPr>
        </p:nvSpPr>
        <p:spPr/>
        <p:txBody>
          <a:bodyPr/>
          <a:lstStyle/>
          <a:p>
            <a:endParaRPr lang="en-PH"/>
          </a:p>
        </p:txBody>
      </p:sp>
      <p:sp>
        <p:nvSpPr>
          <p:cNvPr id="4" name="Slide Number Placeholder 3">
            <a:extLst>
              <a:ext uri="{FF2B5EF4-FFF2-40B4-BE49-F238E27FC236}">
                <a16:creationId xmlns:a16="http://schemas.microsoft.com/office/drawing/2014/main" id="{72B67F8E-1436-7D7B-2E67-42434DA76E1A}"/>
              </a:ext>
            </a:extLst>
          </p:cNvPr>
          <p:cNvSpPr>
            <a:spLocks noGrp="1"/>
          </p:cNvSpPr>
          <p:nvPr>
            <p:ph type="sldNum" sz="quarter" idx="12"/>
          </p:nvPr>
        </p:nvSpPr>
        <p:spPr/>
        <p:txBody>
          <a:bodyPr/>
          <a:lstStyle/>
          <a:p>
            <a:fld id="{EF4AB33D-3A87-40BD-85AB-235A48682438}" type="slidenum">
              <a:rPr lang="en-PH" smtClean="0"/>
              <a:t>‹#›</a:t>
            </a:fld>
            <a:endParaRPr lang="en-PH"/>
          </a:p>
        </p:txBody>
      </p:sp>
    </p:spTree>
    <p:extLst>
      <p:ext uri="{BB962C8B-B14F-4D97-AF65-F5344CB8AC3E}">
        <p14:creationId xmlns:p14="http://schemas.microsoft.com/office/powerpoint/2010/main" val="324588618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8EDCC5-8E5C-D9AA-B6F9-BB3327309BCE}"/>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PH"/>
          </a:p>
        </p:txBody>
      </p:sp>
      <p:sp>
        <p:nvSpPr>
          <p:cNvPr id="3" name="Content Placeholder 2">
            <a:extLst>
              <a:ext uri="{FF2B5EF4-FFF2-40B4-BE49-F238E27FC236}">
                <a16:creationId xmlns:a16="http://schemas.microsoft.com/office/drawing/2014/main" id="{A1D01FF2-BACC-2600-C8AB-C90D713AC8C2}"/>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PH"/>
          </a:p>
        </p:txBody>
      </p:sp>
      <p:sp>
        <p:nvSpPr>
          <p:cNvPr id="4" name="Text Placeholder 3">
            <a:extLst>
              <a:ext uri="{FF2B5EF4-FFF2-40B4-BE49-F238E27FC236}">
                <a16:creationId xmlns:a16="http://schemas.microsoft.com/office/drawing/2014/main" id="{858A2BCE-CF77-CF2A-2ABB-59C52636A1A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D07F209A-FC25-BD51-7B06-13D559D405AB}"/>
              </a:ext>
            </a:extLst>
          </p:cNvPr>
          <p:cNvSpPr>
            <a:spLocks noGrp="1"/>
          </p:cNvSpPr>
          <p:nvPr>
            <p:ph type="dt" sz="half" idx="10"/>
          </p:nvPr>
        </p:nvSpPr>
        <p:spPr/>
        <p:txBody>
          <a:bodyPr/>
          <a:lstStyle/>
          <a:p>
            <a:fld id="{F0D5BAE4-674B-4F2B-9478-68A7D306357A}" type="datetimeFigureOut">
              <a:rPr lang="en-PH" smtClean="0"/>
              <a:t>26/02/2023</a:t>
            </a:fld>
            <a:endParaRPr lang="en-PH"/>
          </a:p>
        </p:txBody>
      </p:sp>
      <p:sp>
        <p:nvSpPr>
          <p:cNvPr id="6" name="Footer Placeholder 5">
            <a:extLst>
              <a:ext uri="{FF2B5EF4-FFF2-40B4-BE49-F238E27FC236}">
                <a16:creationId xmlns:a16="http://schemas.microsoft.com/office/drawing/2014/main" id="{44B27E53-6A92-C822-5A76-F7ED23C23417}"/>
              </a:ext>
            </a:extLst>
          </p:cNvPr>
          <p:cNvSpPr>
            <a:spLocks noGrp="1"/>
          </p:cNvSpPr>
          <p:nvPr>
            <p:ph type="ftr" sz="quarter" idx="11"/>
          </p:nvPr>
        </p:nvSpPr>
        <p:spPr/>
        <p:txBody>
          <a:bodyPr/>
          <a:lstStyle/>
          <a:p>
            <a:endParaRPr lang="en-PH"/>
          </a:p>
        </p:txBody>
      </p:sp>
      <p:sp>
        <p:nvSpPr>
          <p:cNvPr id="7" name="Slide Number Placeholder 6">
            <a:extLst>
              <a:ext uri="{FF2B5EF4-FFF2-40B4-BE49-F238E27FC236}">
                <a16:creationId xmlns:a16="http://schemas.microsoft.com/office/drawing/2014/main" id="{B32D3B66-37F9-F96C-2916-E02CC56FCABF}"/>
              </a:ext>
            </a:extLst>
          </p:cNvPr>
          <p:cNvSpPr>
            <a:spLocks noGrp="1"/>
          </p:cNvSpPr>
          <p:nvPr>
            <p:ph type="sldNum" sz="quarter" idx="12"/>
          </p:nvPr>
        </p:nvSpPr>
        <p:spPr/>
        <p:txBody>
          <a:bodyPr/>
          <a:lstStyle/>
          <a:p>
            <a:fld id="{EF4AB33D-3A87-40BD-85AB-235A48682438}" type="slidenum">
              <a:rPr lang="en-PH" smtClean="0"/>
              <a:t>‹#›</a:t>
            </a:fld>
            <a:endParaRPr lang="en-PH"/>
          </a:p>
        </p:txBody>
      </p:sp>
    </p:spTree>
    <p:extLst>
      <p:ext uri="{BB962C8B-B14F-4D97-AF65-F5344CB8AC3E}">
        <p14:creationId xmlns:p14="http://schemas.microsoft.com/office/powerpoint/2010/main" val="38746094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58B96B-E697-373A-7586-04D4B34070CD}"/>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PH"/>
          </a:p>
        </p:txBody>
      </p:sp>
      <p:sp>
        <p:nvSpPr>
          <p:cNvPr id="3" name="Picture Placeholder 2">
            <a:extLst>
              <a:ext uri="{FF2B5EF4-FFF2-40B4-BE49-F238E27FC236}">
                <a16:creationId xmlns:a16="http://schemas.microsoft.com/office/drawing/2014/main" id="{88F12287-3294-E5A0-7519-94C86FC161F8}"/>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PH"/>
          </a:p>
        </p:txBody>
      </p:sp>
      <p:sp>
        <p:nvSpPr>
          <p:cNvPr id="4" name="Text Placeholder 3">
            <a:extLst>
              <a:ext uri="{FF2B5EF4-FFF2-40B4-BE49-F238E27FC236}">
                <a16:creationId xmlns:a16="http://schemas.microsoft.com/office/drawing/2014/main" id="{B53C59BE-54E0-EEFF-0CD5-86856DF9932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42974598-66ED-28C6-FBC6-8FBFC785904D}"/>
              </a:ext>
            </a:extLst>
          </p:cNvPr>
          <p:cNvSpPr>
            <a:spLocks noGrp="1"/>
          </p:cNvSpPr>
          <p:nvPr>
            <p:ph type="dt" sz="half" idx="10"/>
          </p:nvPr>
        </p:nvSpPr>
        <p:spPr/>
        <p:txBody>
          <a:bodyPr/>
          <a:lstStyle/>
          <a:p>
            <a:fld id="{F0D5BAE4-674B-4F2B-9478-68A7D306357A}" type="datetimeFigureOut">
              <a:rPr lang="en-PH" smtClean="0"/>
              <a:t>26/02/2023</a:t>
            </a:fld>
            <a:endParaRPr lang="en-PH"/>
          </a:p>
        </p:txBody>
      </p:sp>
      <p:sp>
        <p:nvSpPr>
          <p:cNvPr id="6" name="Footer Placeholder 5">
            <a:extLst>
              <a:ext uri="{FF2B5EF4-FFF2-40B4-BE49-F238E27FC236}">
                <a16:creationId xmlns:a16="http://schemas.microsoft.com/office/drawing/2014/main" id="{53B6786C-3C0D-CFAF-2B73-74C1BF5FFE06}"/>
              </a:ext>
            </a:extLst>
          </p:cNvPr>
          <p:cNvSpPr>
            <a:spLocks noGrp="1"/>
          </p:cNvSpPr>
          <p:nvPr>
            <p:ph type="ftr" sz="quarter" idx="11"/>
          </p:nvPr>
        </p:nvSpPr>
        <p:spPr/>
        <p:txBody>
          <a:bodyPr/>
          <a:lstStyle/>
          <a:p>
            <a:endParaRPr lang="en-PH"/>
          </a:p>
        </p:txBody>
      </p:sp>
      <p:sp>
        <p:nvSpPr>
          <p:cNvPr id="7" name="Slide Number Placeholder 6">
            <a:extLst>
              <a:ext uri="{FF2B5EF4-FFF2-40B4-BE49-F238E27FC236}">
                <a16:creationId xmlns:a16="http://schemas.microsoft.com/office/drawing/2014/main" id="{F5A4ECF8-B118-D565-8AB4-F49D461D178D}"/>
              </a:ext>
            </a:extLst>
          </p:cNvPr>
          <p:cNvSpPr>
            <a:spLocks noGrp="1"/>
          </p:cNvSpPr>
          <p:nvPr>
            <p:ph type="sldNum" sz="quarter" idx="12"/>
          </p:nvPr>
        </p:nvSpPr>
        <p:spPr/>
        <p:txBody>
          <a:bodyPr/>
          <a:lstStyle/>
          <a:p>
            <a:fld id="{EF4AB33D-3A87-40BD-85AB-235A48682438}" type="slidenum">
              <a:rPr lang="en-PH" smtClean="0"/>
              <a:t>‹#›</a:t>
            </a:fld>
            <a:endParaRPr lang="en-PH"/>
          </a:p>
        </p:txBody>
      </p:sp>
    </p:spTree>
    <p:extLst>
      <p:ext uri="{BB962C8B-B14F-4D97-AF65-F5344CB8AC3E}">
        <p14:creationId xmlns:p14="http://schemas.microsoft.com/office/powerpoint/2010/main" val="5603931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emf"/><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E14C63F-D172-BD06-A45A-7522AA946E0D}"/>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PH"/>
          </a:p>
        </p:txBody>
      </p:sp>
      <p:sp>
        <p:nvSpPr>
          <p:cNvPr id="3" name="Text Placeholder 2">
            <a:extLst>
              <a:ext uri="{FF2B5EF4-FFF2-40B4-BE49-F238E27FC236}">
                <a16:creationId xmlns:a16="http://schemas.microsoft.com/office/drawing/2014/main" id="{D65098DB-0E46-F4BB-769C-934D874ECBAA}"/>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PH"/>
          </a:p>
        </p:txBody>
      </p:sp>
      <p:sp>
        <p:nvSpPr>
          <p:cNvPr id="4" name="Date Placeholder 3">
            <a:extLst>
              <a:ext uri="{FF2B5EF4-FFF2-40B4-BE49-F238E27FC236}">
                <a16:creationId xmlns:a16="http://schemas.microsoft.com/office/drawing/2014/main" id="{855C4CD7-A776-ABDE-5E2B-FD45F23B3F1E}"/>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F0D5BAE4-674B-4F2B-9478-68A7D306357A}" type="datetimeFigureOut">
              <a:rPr lang="en-PH" smtClean="0"/>
              <a:t>26/02/2023</a:t>
            </a:fld>
            <a:endParaRPr lang="en-PH"/>
          </a:p>
        </p:txBody>
      </p:sp>
      <p:sp>
        <p:nvSpPr>
          <p:cNvPr id="5" name="Footer Placeholder 4">
            <a:extLst>
              <a:ext uri="{FF2B5EF4-FFF2-40B4-BE49-F238E27FC236}">
                <a16:creationId xmlns:a16="http://schemas.microsoft.com/office/drawing/2014/main" id="{BD102AC5-F7C6-3D98-A29A-2B32E76CFCE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PH"/>
          </a:p>
        </p:txBody>
      </p:sp>
      <p:sp>
        <p:nvSpPr>
          <p:cNvPr id="6" name="Slide Number Placeholder 5">
            <a:extLst>
              <a:ext uri="{FF2B5EF4-FFF2-40B4-BE49-F238E27FC236}">
                <a16:creationId xmlns:a16="http://schemas.microsoft.com/office/drawing/2014/main" id="{CA4AC1EE-0493-89A0-D563-F013F43ECD03}"/>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EF4AB33D-3A87-40BD-85AB-235A48682438}" type="slidenum">
              <a:rPr lang="en-PH" smtClean="0"/>
              <a:t>‹#›</a:t>
            </a:fld>
            <a:endParaRPr lang="en-PH"/>
          </a:p>
        </p:txBody>
      </p:sp>
      <p:pic>
        <p:nvPicPr>
          <p:cNvPr id="7" name="sLogo">
            <a:extLst>
              <a:ext uri="{FF2B5EF4-FFF2-40B4-BE49-F238E27FC236}">
                <a16:creationId xmlns:a16="http://schemas.microsoft.com/office/drawing/2014/main" id="{BDC6DAF4-32AD-F138-E0F0-EFE474287317}"/>
              </a:ext>
            </a:extLst>
          </p:cNvPr>
          <p:cNvPicPr>
            <a:picLocks noChangeAspect="1"/>
          </p:cNvPicPr>
          <p:nvPr userDrawn="1"/>
        </p:nvPicPr>
        <p:blipFill rotWithShape="1">
          <a:blip r:embed="rId13" cstate="print">
            <a:extLst>
              <a:ext uri="{28A0092B-C50C-407E-A947-70E740481C1C}">
                <a14:useLocalDpi xmlns:a14="http://schemas.microsoft.com/office/drawing/2010/main"/>
              </a:ext>
            </a:extLst>
          </a:blip>
          <a:srcRect t="1" r="32052" b="-27657"/>
          <a:stretch/>
        </p:blipFill>
        <p:spPr>
          <a:xfrm>
            <a:off x="9877867" y="383638"/>
            <a:ext cx="1748983" cy="347396"/>
          </a:xfrm>
          <a:prstGeom prst="rect">
            <a:avLst/>
          </a:prstGeom>
        </p:spPr>
      </p:pic>
      <p:sp>
        <p:nvSpPr>
          <p:cNvPr id="8" name="Subtitle 17">
            <a:extLst>
              <a:ext uri="{FF2B5EF4-FFF2-40B4-BE49-F238E27FC236}">
                <a16:creationId xmlns:a16="http://schemas.microsoft.com/office/drawing/2014/main" id="{F445A57E-2715-9792-5F23-BC11F4C92D0F}"/>
              </a:ext>
            </a:extLst>
          </p:cNvPr>
          <p:cNvSpPr txBox="1">
            <a:spLocks/>
          </p:cNvSpPr>
          <p:nvPr userDrawn="1"/>
        </p:nvSpPr>
        <p:spPr>
          <a:xfrm>
            <a:off x="717552" y="201104"/>
            <a:ext cx="4916486" cy="296201"/>
          </a:xfrm>
          <a:prstGeom prst="rect">
            <a:avLst/>
          </a:prstGeom>
        </p:spPr>
        <p:txBody>
          <a:bodyPr lIns="0" tIns="0" rIns="0" bIns="0" anchor="ctr"/>
          <a:lstStyle>
            <a:lvl1pPr marL="0" indent="0" algn="ctr" defTabSz="914400" rtl="0" eaLnBrk="1" latinLnBrk="0" hangingPunct="1">
              <a:lnSpc>
                <a:spcPct val="90000"/>
              </a:lnSpc>
              <a:spcBef>
                <a:spcPts val="600"/>
              </a:spcBef>
              <a:spcAft>
                <a:spcPts val="1200"/>
              </a:spcAft>
              <a:buClr>
                <a:schemeClr val="accent1"/>
              </a:buClr>
              <a:buFont typeface="Arial" panose="020B0604020202020204" pitchFamily="34" charset="0"/>
              <a:buNone/>
              <a:defRPr sz="1800" kern="1200">
                <a:solidFill>
                  <a:schemeClr val="tx2"/>
                </a:solidFill>
                <a:latin typeface="+mn-lt"/>
                <a:ea typeface="+mn-ea"/>
                <a:cs typeface="+mn-cs"/>
              </a:defRPr>
            </a:lvl1pPr>
            <a:lvl2pPr marL="269875" indent="-269875" algn="l" defTabSz="914400" rtl="0" eaLnBrk="1" latinLnBrk="0" hangingPunct="1">
              <a:lnSpc>
                <a:spcPct val="90000"/>
              </a:lnSpc>
              <a:spcBef>
                <a:spcPts val="300"/>
              </a:spcBef>
              <a:spcAft>
                <a:spcPts val="600"/>
              </a:spcAft>
              <a:buClr>
                <a:schemeClr val="accent1"/>
              </a:buClr>
              <a:buFont typeface="Arial" panose="020B0604020202020204" pitchFamily="34" charset="0"/>
              <a:buChar char="•"/>
              <a:defRPr lang="en-US" sz="1800" kern="1200" dirty="0" smtClean="0">
                <a:solidFill>
                  <a:schemeClr val="tx1"/>
                </a:solidFill>
                <a:latin typeface="+mn-lt"/>
                <a:ea typeface="+mn-ea"/>
                <a:cs typeface="+mn-cs"/>
              </a:defRPr>
            </a:lvl2pPr>
            <a:lvl3pPr marL="538163" indent="-268288" algn="l" defTabSz="914400" rtl="0" eaLnBrk="1" latinLnBrk="0" hangingPunct="1">
              <a:lnSpc>
                <a:spcPct val="90000"/>
              </a:lnSpc>
              <a:spcBef>
                <a:spcPts val="300"/>
              </a:spcBef>
              <a:spcAft>
                <a:spcPts val="600"/>
              </a:spcAft>
              <a:buClr>
                <a:schemeClr val="accent1"/>
              </a:buClr>
              <a:buFont typeface="Arial" panose="020B0604020202020204" pitchFamily="34" charset="0"/>
              <a:buChar char="–"/>
              <a:defRPr lang="en-US" sz="1800" kern="1200" dirty="0" smtClean="0">
                <a:solidFill>
                  <a:schemeClr val="tx1"/>
                </a:solidFill>
                <a:latin typeface="+mn-lt"/>
                <a:ea typeface="+mn-ea"/>
                <a:cs typeface="+mn-cs"/>
              </a:defRPr>
            </a:lvl3pPr>
            <a:lvl4pPr marL="808038" indent="-269875" algn="l" defTabSz="914400" rtl="0" eaLnBrk="1" latinLnBrk="0" hangingPunct="1">
              <a:lnSpc>
                <a:spcPct val="90000"/>
              </a:lnSpc>
              <a:spcBef>
                <a:spcPts val="300"/>
              </a:spcBef>
              <a:spcAft>
                <a:spcPts val="600"/>
              </a:spcAft>
              <a:buClr>
                <a:schemeClr val="accent1"/>
              </a:buClr>
              <a:buFont typeface="Arial" panose="020B0604020202020204" pitchFamily="34" charset="0"/>
              <a:buChar char="•"/>
              <a:tabLst>
                <a:tab pos="808038" algn="l"/>
              </a:tabLst>
              <a:defRPr lang="en-US" sz="1800" kern="1200" dirty="0">
                <a:solidFill>
                  <a:schemeClr val="tx1"/>
                </a:solidFill>
                <a:latin typeface="+mn-lt"/>
                <a:ea typeface="+mn-ea"/>
                <a:cs typeface="+mn-cs"/>
              </a:defRPr>
            </a:lvl4pPr>
            <a:lvl5pPr marL="1076325" indent="-268288" algn="l" defTabSz="914400" rtl="0" eaLnBrk="1" latinLnBrk="0" hangingPunct="1">
              <a:lnSpc>
                <a:spcPct val="90000"/>
              </a:lnSpc>
              <a:spcBef>
                <a:spcPts val="300"/>
              </a:spcBef>
              <a:spcAft>
                <a:spcPts val="600"/>
              </a:spcAft>
              <a:buClr>
                <a:schemeClr val="accent1"/>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l">
              <a:lnSpc>
                <a:spcPct val="100000"/>
              </a:lnSpc>
              <a:spcBef>
                <a:spcPts val="0"/>
              </a:spcBef>
              <a:spcAft>
                <a:spcPts val="0"/>
              </a:spcAft>
            </a:pPr>
            <a:r>
              <a:rPr lang="en-US" sz="726" b="1" cap="all" spc="91" baseline="0">
                <a:solidFill>
                  <a:srgbClr val="E76A25"/>
                </a:solidFill>
                <a:latin typeface="+mj-lt"/>
              </a:rPr>
              <a:t>Technical presentation</a:t>
            </a:r>
          </a:p>
        </p:txBody>
      </p:sp>
    </p:spTree>
    <p:extLst>
      <p:ext uri="{BB962C8B-B14F-4D97-AF65-F5344CB8AC3E}">
        <p14:creationId xmlns:p14="http://schemas.microsoft.com/office/powerpoint/2010/main" val="2375069162"/>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1.xml"/><Relationship Id="rId4" Type="http://schemas.microsoft.com/office/2007/relationships/hdphoto" Target="../media/hdphoto1.wdp"/></Relationships>
</file>

<file path=ppt/slides/_rels/slide10.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8.xml"/><Relationship Id="rId1" Type="http://schemas.openxmlformats.org/officeDocument/2006/relationships/slideLayout" Target="../slideLayouts/slideLayout2.xml"/><Relationship Id="rId6" Type="http://schemas.openxmlformats.org/officeDocument/2006/relationships/image" Target="../media/image4.png"/><Relationship Id="rId5" Type="http://schemas.openxmlformats.org/officeDocument/2006/relationships/image" Target="../media/image30.png"/><Relationship Id="rId4" Type="http://schemas.openxmlformats.org/officeDocument/2006/relationships/image" Target="../media/image29.jpeg"/></Relationships>
</file>

<file path=ppt/slides/_rels/slide11.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2.xml"/><Relationship Id="rId1" Type="http://schemas.openxmlformats.org/officeDocument/2006/relationships/slideLayout" Target="../slideLayouts/slideLayout2.xml"/><Relationship Id="rId5" Type="http://schemas.openxmlformats.org/officeDocument/2006/relationships/image" Target="../media/image36.png"/><Relationship Id="rId4" Type="http://schemas.openxmlformats.org/officeDocument/2006/relationships/image" Target="../media/image35.jpeg"/></Relationships>
</file>

<file path=ppt/slides/_rels/slide15.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13.xml"/><Relationship Id="rId1" Type="http://schemas.openxmlformats.org/officeDocument/2006/relationships/slideLayout" Target="../slideLayouts/slideLayout2.xml"/><Relationship Id="rId5" Type="http://schemas.openxmlformats.org/officeDocument/2006/relationships/image" Target="../media/image39.jpeg"/><Relationship Id="rId4" Type="http://schemas.openxmlformats.org/officeDocument/2006/relationships/image" Target="../media/image38.jpeg"/></Relationships>
</file>

<file path=ppt/slides/_rels/slide1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61" Type="http://schemas.openxmlformats.org/officeDocument/2006/relationships/slideLayout" Target="../slideLayouts/slideLayout2.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notesSlide" Target="../notesSlides/notesSlide14.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4" Type="http://schemas.openxmlformats.org/officeDocument/2006/relationships/tags" Target="../tags/tag4.xml"/><Relationship Id="rId9" Type="http://schemas.openxmlformats.org/officeDocument/2006/relationships/tags" Target="../tags/tag9.xml"/></Relationships>
</file>

<file path=ppt/slides/_rels/slide17.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2.xml"/><Relationship Id="rId5" Type="http://schemas.openxmlformats.org/officeDocument/2006/relationships/image" Target="../media/image6.jpeg"/><Relationship Id="rId4" Type="http://schemas.openxmlformats.org/officeDocument/2006/relationships/image" Target="../media/image5.png"/></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2.xml"/><Relationship Id="rId1" Type="http://schemas.openxmlformats.org/officeDocument/2006/relationships/slideLayout" Target="../slideLayouts/slideLayout2.xml"/><Relationship Id="rId5" Type="http://schemas.openxmlformats.org/officeDocument/2006/relationships/image" Target="../media/image9.jpeg"/><Relationship Id="rId4" Type="http://schemas.openxmlformats.org/officeDocument/2006/relationships/image" Target="../media/image8.jpeg"/></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jpeg"/></Relationships>
</file>

<file path=ppt/slides/_rels/slide6.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8" Type="http://schemas.openxmlformats.org/officeDocument/2006/relationships/diagramData" Target="../diagrams/data2.xml"/><Relationship Id="rId13" Type="http://schemas.openxmlformats.org/officeDocument/2006/relationships/diagramData" Target="../diagrams/data3.xml"/><Relationship Id="rId18" Type="http://schemas.openxmlformats.org/officeDocument/2006/relationships/diagramData" Target="../diagrams/data4.xml"/><Relationship Id="rId3" Type="http://schemas.openxmlformats.org/officeDocument/2006/relationships/diagramData" Target="../diagrams/data1.xml"/><Relationship Id="rId21" Type="http://schemas.openxmlformats.org/officeDocument/2006/relationships/diagramColors" Target="../diagrams/colors4.xml"/><Relationship Id="rId7" Type="http://schemas.microsoft.com/office/2007/relationships/diagramDrawing" Target="../diagrams/drawing1.xml"/><Relationship Id="rId12" Type="http://schemas.microsoft.com/office/2007/relationships/diagramDrawing" Target="../diagrams/drawing2.xml"/><Relationship Id="rId17" Type="http://schemas.microsoft.com/office/2007/relationships/diagramDrawing" Target="../diagrams/drawing3.xml"/><Relationship Id="rId2" Type="http://schemas.openxmlformats.org/officeDocument/2006/relationships/notesSlide" Target="../notesSlides/notesSlide5.xml"/><Relationship Id="rId16" Type="http://schemas.openxmlformats.org/officeDocument/2006/relationships/diagramColors" Target="../diagrams/colors3.xml"/><Relationship Id="rId20" Type="http://schemas.openxmlformats.org/officeDocument/2006/relationships/diagramQuickStyle" Target="../diagrams/quickStyle4.xml"/><Relationship Id="rId1" Type="http://schemas.openxmlformats.org/officeDocument/2006/relationships/slideLayout" Target="../slideLayouts/slideLayout2.xml"/><Relationship Id="rId6" Type="http://schemas.openxmlformats.org/officeDocument/2006/relationships/diagramColors" Target="../diagrams/colors1.xml"/><Relationship Id="rId11" Type="http://schemas.openxmlformats.org/officeDocument/2006/relationships/diagramColors" Target="../diagrams/colors2.xml"/><Relationship Id="rId5" Type="http://schemas.openxmlformats.org/officeDocument/2006/relationships/diagramQuickStyle" Target="../diagrams/quickStyle1.xml"/><Relationship Id="rId15" Type="http://schemas.openxmlformats.org/officeDocument/2006/relationships/diagramQuickStyle" Target="../diagrams/quickStyle3.xml"/><Relationship Id="rId10" Type="http://schemas.openxmlformats.org/officeDocument/2006/relationships/diagramQuickStyle" Target="../diagrams/quickStyle2.xml"/><Relationship Id="rId19" Type="http://schemas.openxmlformats.org/officeDocument/2006/relationships/diagramLayout" Target="../diagrams/layout4.xml"/><Relationship Id="rId4" Type="http://schemas.openxmlformats.org/officeDocument/2006/relationships/diagramLayout" Target="../diagrams/layout1.xml"/><Relationship Id="rId9" Type="http://schemas.openxmlformats.org/officeDocument/2006/relationships/diagramLayout" Target="../diagrams/layout2.xml"/><Relationship Id="rId14" Type="http://schemas.openxmlformats.org/officeDocument/2006/relationships/diagramLayout" Target="../diagrams/layout3.xml"/><Relationship Id="rId22" Type="http://schemas.microsoft.com/office/2007/relationships/diagramDrawing" Target="../diagrams/drawing4.xml"/></Relationships>
</file>

<file path=ppt/slides/_rels/slide8.xml.rels><?xml version="1.0" encoding="UTF-8" standalone="yes"?>
<Relationships xmlns="http://schemas.openxmlformats.org/package/2006/relationships"><Relationship Id="rId3" Type="http://schemas.openxmlformats.org/officeDocument/2006/relationships/image" Target="../media/image19.png"/><Relationship Id="rId7" Type="http://schemas.openxmlformats.org/officeDocument/2006/relationships/image" Target="../media/image23.jpeg"/><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22.jpeg"/><Relationship Id="rId5" Type="http://schemas.openxmlformats.org/officeDocument/2006/relationships/image" Target="../media/image21.jpeg"/><Relationship Id="rId4" Type="http://schemas.openxmlformats.org/officeDocument/2006/relationships/image" Target="../media/image20.jpeg"/></Relationships>
</file>

<file path=ppt/slides/_rels/slide9.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image" Target="../media/image27.jpeg"/><Relationship Id="rId5" Type="http://schemas.openxmlformats.org/officeDocument/2006/relationships/image" Target="../media/image26.jpeg"/><Relationship Id="rId4" Type="http://schemas.openxmlformats.org/officeDocument/2006/relationships/image" Target="../media/image25.png"/></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rgbClr val="000000"/>
        </a:solidFill>
        <a:effectLst/>
      </p:bgPr>
    </p:bg>
    <p:spTree>
      <p:nvGrpSpPr>
        <p:cNvPr id="1" name=""/>
        <p:cNvGrpSpPr/>
        <p:nvPr/>
      </p:nvGrpSpPr>
      <p:grpSpPr>
        <a:xfrm>
          <a:off x="0" y="0"/>
          <a:ext cx="0" cy="0"/>
          <a:chOff x="0" y="0"/>
          <a:chExt cx="0" cy="0"/>
        </a:xfrm>
      </p:grpSpPr>
      <p:sp>
        <p:nvSpPr>
          <p:cNvPr id="6" name="Text Placeholder 16">
            <a:extLst>
              <a:ext uri="{FF2B5EF4-FFF2-40B4-BE49-F238E27FC236}">
                <a16:creationId xmlns:a16="http://schemas.microsoft.com/office/drawing/2014/main" id="{F2F73220-A404-2C51-4AD2-E480B1AA77BC}"/>
              </a:ext>
            </a:extLst>
          </p:cNvPr>
          <p:cNvSpPr txBox="1">
            <a:spLocks/>
          </p:cNvSpPr>
          <p:nvPr/>
        </p:nvSpPr>
        <p:spPr>
          <a:xfrm>
            <a:off x="6443799" y="4875421"/>
            <a:ext cx="6325340" cy="228600"/>
          </a:xfrm>
          <a:prstGeom prst="rect">
            <a:avLst/>
          </a:prstGeom>
        </p:spPr>
        <p:txBody>
          <a:bodyPr lIns="0" tIns="0" rIns="0" bIns="0"/>
          <a:lstStyle>
            <a:lvl1pPr marL="228600" indent="-228600" algn="l" defTabSz="914400" rtl="0" eaLnBrk="1" latinLnBrk="0" hangingPunct="1">
              <a:lnSpc>
                <a:spcPct val="90000"/>
              </a:lnSpc>
              <a:spcBef>
                <a:spcPts val="600"/>
              </a:spcBef>
              <a:spcAft>
                <a:spcPts val="1200"/>
              </a:spcAft>
              <a:buFont typeface="Arial" panose="020B0604020202020204" pitchFamily="34" charset="0"/>
              <a:buChar char="•"/>
              <a:defRPr sz="2100" b="1" kern="1200">
                <a:solidFill>
                  <a:schemeClr val="accent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a:solidFill>
                  <a:srgbClr val="E4610F"/>
                </a:solidFill>
                <a:latin typeface="Arial" panose="020B0604020202020204" pitchFamily="34" charset="0"/>
                <a:cs typeface="Arial" panose="020B0604020202020204" pitchFamily="34" charset="0"/>
              </a:rPr>
              <a:t>Proposal Presentation</a:t>
            </a:r>
          </a:p>
        </p:txBody>
      </p:sp>
      <p:sp>
        <p:nvSpPr>
          <p:cNvPr id="10" name="Rectangle 9">
            <a:extLst>
              <a:ext uri="{FF2B5EF4-FFF2-40B4-BE49-F238E27FC236}">
                <a16:creationId xmlns:a16="http://schemas.microsoft.com/office/drawing/2014/main" id="{F10D7B5A-6D5B-CE84-FD46-7F42DB2E1236}"/>
              </a:ext>
            </a:extLst>
          </p:cNvPr>
          <p:cNvSpPr/>
          <p:nvPr/>
        </p:nvSpPr>
        <p:spPr>
          <a:xfrm>
            <a:off x="0" y="0"/>
            <a:ext cx="12192000" cy="6857999"/>
          </a:xfrm>
          <a:prstGeom prst="rect">
            <a:avLst/>
          </a:prstGeom>
          <a:gradFill>
            <a:gsLst>
              <a:gs pos="0">
                <a:schemeClr val="tx1"/>
              </a:gs>
              <a:gs pos="50000">
                <a:schemeClr val="accent2">
                  <a:lumMod val="60000"/>
                  <a:lumOff val="40000"/>
                </a:schemeClr>
              </a:gs>
              <a:gs pos="100000">
                <a:schemeClr val="accent2">
                  <a:lumMod val="75000"/>
                </a:schemeClr>
              </a:gs>
            </a:gsLst>
            <a:lin ang="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a:p>
        </p:txBody>
      </p:sp>
      <p:pic>
        <p:nvPicPr>
          <p:cNvPr id="14" name="Picture 13" descr="&#10;">
            <a:extLst>
              <a:ext uri="{FF2B5EF4-FFF2-40B4-BE49-F238E27FC236}">
                <a16:creationId xmlns:a16="http://schemas.microsoft.com/office/drawing/2014/main" id="{8B6CC499-3855-9742-3558-B5166EE87494}"/>
              </a:ext>
            </a:extLst>
          </p:cNvPr>
          <p:cNvPicPr>
            <a:picLocks noChangeAspect="1"/>
          </p:cNvPicPr>
          <p:nvPr/>
        </p:nvPicPr>
        <p:blipFill>
          <a:blip r:embed="rId2"/>
          <a:stretch>
            <a:fillRect/>
          </a:stretch>
        </p:blipFill>
        <p:spPr>
          <a:xfrm>
            <a:off x="10179396" y="457201"/>
            <a:ext cx="1552850" cy="237280"/>
          </a:xfrm>
          <a:prstGeom prst="rect">
            <a:avLst/>
          </a:prstGeom>
        </p:spPr>
      </p:pic>
      <p:grpSp>
        <p:nvGrpSpPr>
          <p:cNvPr id="9" name="Group 8">
            <a:extLst>
              <a:ext uri="{FF2B5EF4-FFF2-40B4-BE49-F238E27FC236}">
                <a16:creationId xmlns:a16="http://schemas.microsoft.com/office/drawing/2014/main" id="{42A8D379-5F37-18F9-C952-7D107C33C8B1}"/>
              </a:ext>
            </a:extLst>
          </p:cNvPr>
          <p:cNvGrpSpPr/>
          <p:nvPr/>
        </p:nvGrpSpPr>
        <p:grpSpPr>
          <a:xfrm>
            <a:off x="234955" y="-3010430"/>
            <a:ext cx="6953245" cy="11716346"/>
            <a:chOff x="2199391" y="-2497544"/>
            <a:chExt cx="6953245" cy="11716346"/>
          </a:xfrm>
          <a:blipFill>
            <a:blip r:embed="rId3">
              <a:extLst>
                <a:ext uri="{BEBA8EAE-BF5A-486C-A8C5-ECC9F3942E4B}">
                  <a14:imgProps xmlns:a14="http://schemas.microsoft.com/office/drawing/2010/main">
                    <a14:imgLayer r:embed="rId4">
                      <a14:imgEffect>
                        <a14:sharpenSoften amount="50000"/>
                      </a14:imgEffect>
                      <a14:imgEffect>
                        <a14:brightnessContrast bright="-29000" contrast="-34000"/>
                      </a14:imgEffect>
                    </a14:imgLayer>
                  </a14:imgProps>
                </a:ext>
              </a:extLst>
            </a:blip>
            <a:stretch>
              <a:fillRect/>
            </a:stretch>
          </a:blipFill>
        </p:grpSpPr>
        <p:sp>
          <p:nvSpPr>
            <p:cNvPr id="2" name="Rectangle 1">
              <a:extLst>
                <a:ext uri="{FF2B5EF4-FFF2-40B4-BE49-F238E27FC236}">
                  <a16:creationId xmlns:a16="http://schemas.microsoft.com/office/drawing/2014/main" id="{E1BCEBF5-E7B4-C16C-F80D-197D226406E7}"/>
                </a:ext>
              </a:extLst>
            </p:cNvPr>
            <p:cNvSpPr/>
            <p:nvPr/>
          </p:nvSpPr>
          <p:spPr>
            <a:xfrm rot="2487021">
              <a:off x="2199391" y="-1354903"/>
              <a:ext cx="1286933" cy="978369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a:p>
          </p:txBody>
        </p:sp>
        <p:sp>
          <p:nvSpPr>
            <p:cNvPr id="3" name="Rectangle 2">
              <a:extLst>
                <a:ext uri="{FF2B5EF4-FFF2-40B4-BE49-F238E27FC236}">
                  <a16:creationId xmlns:a16="http://schemas.microsoft.com/office/drawing/2014/main" id="{65869A0F-2516-2B78-F7C2-A18A7C228784}"/>
                </a:ext>
              </a:extLst>
            </p:cNvPr>
            <p:cNvSpPr/>
            <p:nvPr/>
          </p:nvSpPr>
          <p:spPr>
            <a:xfrm rot="2487021">
              <a:off x="5123246" y="-2497544"/>
              <a:ext cx="1286933" cy="978369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a:p>
          </p:txBody>
        </p:sp>
        <p:sp>
          <p:nvSpPr>
            <p:cNvPr id="4" name="Rectangle 3">
              <a:extLst>
                <a:ext uri="{FF2B5EF4-FFF2-40B4-BE49-F238E27FC236}">
                  <a16:creationId xmlns:a16="http://schemas.microsoft.com/office/drawing/2014/main" id="{9EFC0A25-D26A-8F6D-068A-EBCFFDDAFBC1}"/>
                </a:ext>
              </a:extLst>
            </p:cNvPr>
            <p:cNvSpPr/>
            <p:nvPr/>
          </p:nvSpPr>
          <p:spPr>
            <a:xfrm rot="2487021">
              <a:off x="5303166" y="-564890"/>
              <a:ext cx="1286933" cy="978369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a:p>
          </p:txBody>
        </p:sp>
        <p:sp>
          <p:nvSpPr>
            <p:cNvPr id="8" name="Rectangle 7">
              <a:extLst>
                <a:ext uri="{FF2B5EF4-FFF2-40B4-BE49-F238E27FC236}">
                  <a16:creationId xmlns:a16="http://schemas.microsoft.com/office/drawing/2014/main" id="{BE9ED3D3-B987-EAED-DBBC-B400F628C842}"/>
                </a:ext>
              </a:extLst>
            </p:cNvPr>
            <p:cNvSpPr/>
            <p:nvPr/>
          </p:nvSpPr>
          <p:spPr>
            <a:xfrm rot="2487021">
              <a:off x="7865703" y="-1354901"/>
              <a:ext cx="1286933" cy="9783692"/>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a:p>
          </p:txBody>
        </p:sp>
      </p:grpSp>
      <p:sp>
        <p:nvSpPr>
          <p:cNvPr id="5" name="Title 1">
            <a:extLst>
              <a:ext uri="{FF2B5EF4-FFF2-40B4-BE49-F238E27FC236}">
                <a16:creationId xmlns:a16="http://schemas.microsoft.com/office/drawing/2014/main" id="{062691C2-D93C-A405-EF06-01B86EB76633}"/>
              </a:ext>
            </a:extLst>
          </p:cNvPr>
          <p:cNvSpPr txBox="1">
            <a:spLocks/>
          </p:cNvSpPr>
          <p:nvPr/>
        </p:nvSpPr>
        <p:spPr>
          <a:xfrm>
            <a:off x="6096000" y="3442856"/>
            <a:ext cx="6203659" cy="1371599"/>
          </a:xfrm>
          <a:prstGeom prst="rect">
            <a:avLst/>
          </a:prstGeom>
        </p:spPr>
        <p:txBody>
          <a:bodyPr vert="horz" lIns="91440" tIns="45720" rIns="91440" bIns="45720" rtlCol="0" anchor="b">
            <a:normAutofit fontScale="77500" lnSpcReduction="20000"/>
          </a:bodyPr>
          <a:lstStyle>
            <a:lvl1pPr algn="ctr" defTabSz="914400" rtl="0" eaLnBrk="1" latinLnBrk="0" hangingPunct="1">
              <a:lnSpc>
                <a:spcPct val="90000"/>
              </a:lnSpc>
              <a:spcBef>
                <a:spcPct val="0"/>
              </a:spcBef>
              <a:buNone/>
              <a:defRPr sz="4200" kern="1200">
                <a:solidFill>
                  <a:schemeClr val="bg1"/>
                </a:solidFill>
                <a:latin typeface="+mj-lt"/>
                <a:ea typeface="+mj-ea"/>
                <a:cs typeface="+mj-cs"/>
              </a:defRPr>
            </a:lvl1pPr>
          </a:lstStyle>
          <a:p>
            <a:pPr algn="l"/>
            <a:r>
              <a:rPr lang="en-US">
                <a:latin typeface="Arial (Headings)"/>
              </a:rPr>
              <a:t>Resilience to Climate Change - Jails Vulnerability and Capacity Assessments, The Philippines</a:t>
            </a:r>
            <a:endParaRPr lang="en-PH">
              <a:latin typeface="Arial (Headings)"/>
            </a:endParaRPr>
          </a:p>
        </p:txBody>
      </p:sp>
      <p:sp>
        <p:nvSpPr>
          <p:cNvPr id="7" name="Text Placeholder 16">
            <a:extLst>
              <a:ext uri="{FF2B5EF4-FFF2-40B4-BE49-F238E27FC236}">
                <a16:creationId xmlns:a16="http://schemas.microsoft.com/office/drawing/2014/main" id="{9C126648-824B-6615-E6CD-C65ECD55B405}"/>
              </a:ext>
            </a:extLst>
          </p:cNvPr>
          <p:cNvSpPr txBox="1">
            <a:spLocks/>
          </p:cNvSpPr>
          <p:nvPr/>
        </p:nvSpPr>
        <p:spPr>
          <a:xfrm>
            <a:off x="6188226" y="5142176"/>
            <a:ext cx="4572000" cy="228600"/>
          </a:xfrm>
          <a:prstGeom prst="rect">
            <a:avLst/>
          </a:prstGeom>
        </p:spPr>
        <p:txBody>
          <a:bodyPr lIns="0" tIns="0" rIns="0" bIns="0"/>
          <a:lstStyle>
            <a:lvl1pPr marL="228600" indent="-228600" algn="l" defTabSz="914400" rtl="0" eaLnBrk="1" latinLnBrk="0" hangingPunct="1">
              <a:lnSpc>
                <a:spcPct val="90000"/>
              </a:lnSpc>
              <a:spcBef>
                <a:spcPts val="600"/>
              </a:spcBef>
              <a:spcAft>
                <a:spcPts val="1200"/>
              </a:spcAft>
              <a:buFont typeface="Arial" panose="020B0604020202020204" pitchFamily="34" charset="0"/>
              <a:buChar char="•"/>
              <a:defRPr sz="1600" b="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a:t>February 2023</a:t>
            </a:r>
          </a:p>
        </p:txBody>
      </p:sp>
      <p:sp>
        <p:nvSpPr>
          <p:cNvPr id="12" name="Text Placeholder 16">
            <a:extLst>
              <a:ext uri="{FF2B5EF4-FFF2-40B4-BE49-F238E27FC236}">
                <a16:creationId xmlns:a16="http://schemas.microsoft.com/office/drawing/2014/main" id="{288DCB57-F466-82F0-53B7-72A9385AD33A}"/>
              </a:ext>
            </a:extLst>
          </p:cNvPr>
          <p:cNvSpPr txBox="1">
            <a:spLocks/>
          </p:cNvSpPr>
          <p:nvPr/>
        </p:nvSpPr>
        <p:spPr>
          <a:xfrm>
            <a:off x="6169486" y="4780199"/>
            <a:ext cx="6325340" cy="228600"/>
          </a:xfrm>
          <a:prstGeom prst="rect">
            <a:avLst/>
          </a:prstGeom>
        </p:spPr>
        <p:txBody>
          <a:bodyPr lIns="0" tIns="0" rIns="0" bIns="0"/>
          <a:lstStyle>
            <a:lvl1pPr marL="228600" indent="-228600" algn="l" defTabSz="914400" rtl="0" eaLnBrk="1" latinLnBrk="0" hangingPunct="1">
              <a:lnSpc>
                <a:spcPct val="90000"/>
              </a:lnSpc>
              <a:spcBef>
                <a:spcPts val="600"/>
              </a:spcBef>
              <a:spcAft>
                <a:spcPts val="1200"/>
              </a:spcAft>
              <a:buFont typeface="Arial" panose="020B0604020202020204" pitchFamily="34" charset="0"/>
              <a:buChar char="•"/>
              <a:defRPr sz="2100" b="1" kern="1200">
                <a:solidFill>
                  <a:schemeClr val="accent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a:solidFill>
                  <a:schemeClr val="bg1"/>
                </a:solidFill>
                <a:latin typeface="Arial" panose="020B0604020202020204" pitchFamily="34" charset="0"/>
                <a:cs typeface="Arial" panose="020B0604020202020204" pitchFamily="34" charset="0"/>
              </a:rPr>
              <a:t>Proposal Presentation</a:t>
            </a:r>
          </a:p>
        </p:txBody>
      </p:sp>
    </p:spTree>
    <p:extLst>
      <p:ext uri="{BB962C8B-B14F-4D97-AF65-F5344CB8AC3E}">
        <p14:creationId xmlns:p14="http://schemas.microsoft.com/office/powerpoint/2010/main" val="1333988232"/>
      </p:ext>
    </p:extLst>
  </p:cSld>
  <p:clrMapOvr>
    <a:overrideClrMapping bg1="dk1" tx1="lt1" bg2="dk2" tx2="lt2" accent1="accent1" accent2="accent2" accent3="accent3" accent4="accent4" accent5="accent5" accent6="accent6" hlink="hlink" folHlink="folHlink"/>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9678641" cy="461665"/>
          </a:xfrm>
          <a:prstGeom prst="rect">
            <a:avLst/>
          </a:prstGeom>
          <a:noFill/>
        </p:spPr>
        <p:txBody>
          <a:bodyPr wrap="square" rtlCol="0">
            <a:spAutoFit/>
          </a:bodyPr>
          <a:lstStyle/>
          <a:p>
            <a:r>
              <a:rPr lang="en-US" sz="2400" cap="all" spc="-136">
                <a:solidFill>
                  <a:schemeClr val="tx2"/>
                </a:solidFill>
              </a:rPr>
              <a:t>Identification of possible hazard,  intensities, and possible impacts</a:t>
            </a:r>
          </a:p>
        </p:txBody>
      </p:sp>
      <p:sp>
        <p:nvSpPr>
          <p:cNvPr id="6" name="Rectangle 5">
            <a:extLst>
              <a:ext uri="{FF2B5EF4-FFF2-40B4-BE49-F238E27FC236}">
                <a16:creationId xmlns:a16="http://schemas.microsoft.com/office/drawing/2014/main" id="{8B808231-65EF-52C9-A7DF-F56B466A0D43}"/>
              </a:ext>
            </a:extLst>
          </p:cNvPr>
          <p:cNvSpPr/>
          <p:nvPr/>
        </p:nvSpPr>
        <p:spPr>
          <a:xfrm>
            <a:off x="1228165" y="1869440"/>
            <a:ext cx="1577788" cy="1264024"/>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a:t>Hazard events</a:t>
            </a:r>
          </a:p>
        </p:txBody>
      </p:sp>
      <p:sp>
        <p:nvSpPr>
          <p:cNvPr id="10" name="Rectangle 9">
            <a:extLst>
              <a:ext uri="{FF2B5EF4-FFF2-40B4-BE49-F238E27FC236}">
                <a16:creationId xmlns:a16="http://schemas.microsoft.com/office/drawing/2014/main" id="{913F24D6-61D7-9095-D3BD-99A74A38C32E}"/>
              </a:ext>
            </a:extLst>
          </p:cNvPr>
          <p:cNvSpPr/>
          <p:nvPr/>
        </p:nvSpPr>
        <p:spPr>
          <a:xfrm>
            <a:off x="3647441" y="1869440"/>
            <a:ext cx="1577788" cy="1264024"/>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a:t>Validation </a:t>
            </a:r>
          </a:p>
        </p:txBody>
      </p:sp>
      <p:sp>
        <p:nvSpPr>
          <p:cNvPr id="11" name="Arrow: Right 10">
            <a:extLst>
              <a:ext uri="{FF2B5EF4-FFF2-40B4-BE49-F238E27FC236}">
                <a16:creationId xmlns:a16="http://schemas.microsoft.com/office/drawing/2014/main" id="{3DAAF1F0-5E3D-B697-1E67-853A9A7908E4}"/>
              </a:ext>
            </a:extLst>
          </p:cNvPr>
          <p:cNvSpPr/>
          <p:nvPr/>
        </p:nvSpPr>
        <p:spPr>
          <a:xfrm>
            <a:off x="2997200" y="2398358"/>
            <a:ext cx="521148" cy="295835"/>
          </a:xfrm>
          <a:prstGeom prst="rightArrow">
            <a:avLst/>
          </a:prstGeom>
          <a:solidFill>
            <a:srgbClr val="00B050"/>
          </a:solidFill>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3" name="Rectangle 12">
            <a:extLst>
              <a:ext uri="{FF2B5EF4-FFF2-40B4-BE49-F238E27FC236}">
                <a16:creationId xmlns:a16="http://schemas.microsoft.com/office/drawing/2014/main" id="{F9BD4387-5B8A-82DF-7605-8EB4358C68B8}"/>
              </a:ext>
            </a:extLst>
          </p:cNvPr>
          <p:cNvSpPr/>
          <p:nvPr/>
        </p:nvSpPr>
        <p:spPr>
          <a:xfrm>
            <a:off x="6333266" y="1869440"/>
            <a:ext cx="1577788" cy="1264024"/>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a:t>Intensities</a:t>
            </a:r>
          </a:p>
        </p:txBody>
      </p:sp>
      <p:sp>
        <p:nvSpPr>
          <p:cNvPr id="14" name="Arrow: Right 13">
            <a:extLst>
              <a:ext uri="{FF2B5EF4-FFF2-40B4-BE49-F238E27FC236}">
                <a16:creationId xmlns:a16="http://schemas.microsoft.com/office/drawing/2014/main" id="{9AC95748-7D85-594D-1AC9-116F60D984E6}"/>
              </a:ext>
            </a:extLst>
          </p:cNvPr>
          <p:cNvSpPr/>
          <p:nvPr/>
        </p:nvSpPr>
        <p:spPr>
          <a:xfrm>
            <a:off x="5486998" y="2353534"/>
            <a:ext cx="521148" cy="295835"/>
          </a:xfrm>
          <a:prstGeom prst="rightArrow">
            <a:avLst/>
          </a:prstGeom>
          <a:solidFill>
            <a:srgbClr val="00B050"/>
          </a:solidFill>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7A3DB163-406D-64FD-400E-EC0436439904}"/>
              </a:ext>
            </a:extLst>
          </p:cNvPr>
          <p:cNvSpPr/>
          <p:nvPr/>
        </p:nvSpPr>
        <p:spPr>
          <a:xfrm>
            <a:off x="9082442" y="1869440"/>
            <a:ext cx="1577788" cy="1264024"/>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a:t>Impacts</a:t>
            </a:r>
          </a:p>
        </p:txBody>
      </p:sp>
      <p:sp>
        <p:nvSpPr>
          <p:cNvPr id="16" name="Arrow: Right 15">
            <a:extLst>
              <a:ext uri="{FF2B5EF4-FFF2-40B4-BE49-F238E27FC236}">
                <a16:creationId xmlns:a16="http://schemas.microsoft.com/office/drawing/2014/main" id="{42E1D7BB-1447-5E3C-5EB6-2931DFDDBEF2}"/>
              </a:ext>
            </a:extLst>
          </p:cNvPr>
          <p:cNvSpPr/>
          <p:nvPr/>
        </p:nvSpPr>
        <p:spPr>
          <a:xfrm>
            <a:off x="8236174" y="2353534"/>
            <a:ext cx="521148" cy="295835"/>
          </a:xfrm>
          <a:prstGeom prst="rightArrow">
            <a:avLst/>
          </a:prstGeom>
          <a:solidFill>
            <a:srgbClr val="00B050"/>
          </a:solidFill>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6EC855D9-0692-4C10-7A3B-DBFA97CA2A98}"/>
              </a:ext>
            </a:extLst>
          </p:cNvPr>
          <p:cNvSpPr txBox="1"/>
          <p:nvPr/>
        </p:nvSpPr>
        <p:spPr>
          <a:xfrm>
            <a:off x="3713765" y="1525488"/>
            <a:ext cx="1445139" cy="369332"/>
          </a:xfrm>
          <a:prstGeom prst="rect">
            <a:avLst/>
          </a:prstGeom>
          <a:noFill/>
        </p:spPr>
        <p:txBody>
          <a:bodyPr wrap="none" rtlCol="0">
            <a:spAutoFit/>
          </a:bodyPr>
          <a:lstStyle/>
          <a:p>
            <a:r>
              <a:rPr lang="en-US"/>
              <a:t>SITE-SPECIFIC</a:t>
            </a:r>
            <a:endParaRPr lang="en-PH"/>
          </a:p>
        </p:txBody>
      </p:sp>
      <p:pic>
        <p:nvPicPr>
          <p:cNvPr id="20" name="Picture 19">
            <a:extLst>
              <a:ext uri="{FF2B5EF4-FFF2-40B4-BE49-F238E27FC236}">
                <a16:creationId xmlns:a16="http://schemas.microsoft.com/office/drawing/2014/main" id="{EE2DAB75-57FC-78A6-DECE-672EE80F9FA7}"/>
              </a:ext>
            </a:extLst>
          </p:cNvPr>
          <p:cNvPicPr>
            <a:picLocks noChangeAspect="1"/>
          </p:cNvPicPr>
          <p:nvPr/>
        </p:nvPicPr>
        <p:blipFill>
          <a:blip r:embed="rId3"/>
          <a:stretch>
            <a:fillRect/>
          </a:stretch>
        </p:blipFill>
        <p:spPr>
          <a:xfrm>
            <a:off x="3684554" y="3234030"/>
            <a:ext cx="1474350" cy="326212"/>
          </a:xfrm>
          <a:prstGeom prst="rect">
            <a:avLst/>
          </a:prstGeom>
        </p:spPr>
      </p:pic>
      <p:pic>
        <p:nvPicPr>
          <p:cNvPr id="22" name="Picture 2" descr="UP NOAH - YouTube">
            <a:extLst>
              <a:ext uri="{FF2B5EF4-FFF2-40B4-BE49-F238E27FC236}">
                <a16:creationId xmlns:a16="http://schemas.microsoft.com/office/drawing/2014/main" id="{0F3CBF59-77E2-732A-51B3-DB13AD4D50F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040923" y="3712400"/>
            <a:ext cx="703260" cy="703260"/>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22">
            <a:extLst>
              <a:ext uri="{FF2B5EF4-FFF2-40B4-BE49-F238E27FC236}">
                <a16:creationId xmlns:a16="http://schemas.microsoft.com/office/drawing/2014/main" id="{9F3578AD-AC4A-42E1-BC44-27D73E832554}"/>
              </a:ext>
            </a:extLst>
          </p:cNvPr>
          <p:cNvPicPr>
            <a:picLocks noChangeAspect="1"/>
          </p:cNvPicPr>
          <p:nvPr/>
        </p:nvPicPr>
        <p:blipFill>
          <a:blip r:embed="rId5"/>
          <a:stretch>
            <a:fillRect/>
          </a:stretch>
        </p:blipFill>
        <p:spPr>
          <a:xfrm>
            <a:off x="4040923" y="4535300"/>
            <a:ext cx="703260" cy="716047"/>
          </a:xfrm>
          <a:prstGeom prst="rect">
            <a:avLst/>
          </a:prstGeom>
        </p:spPr>
      </p:pic>
      <p:pic>
        <p:nvPicPr>
          <p:cNvPr id="24" name="Picture 23">
            <a:extLst>
              <a:ext uri="{FF2B5EF4-FFF2-40B4-BE49-F238E27FC236}">
                <a16:creationId xmlns:a16="http://schemas.microsoft.com/office/drawing/2014/main" id="{306BC806-D45F-2F34-5DBD-AB6B22913FED}"/>
              </a:ext>
            </a:extLst>
          </p:cNvPr>
          <p:cNvPicPr>
            <a:picLocks noChangeAspect="1"/>
          </p:cNvPicPr>
          <p:nvPr/>
        </p:nvPicPr>
        <p:blipFill>
          <a:blip r:embed="rId6"/>
          <a:stretch>
            <a:fillRect/>
          </a:stretch>
        </p:blipFill>
        <p:spPr>
          <a:xfrm>
            <a:off x="984198" y="3383045"/>
            <a:ext cx="2065721" cy="2726139"/>
          </a:xfrm>
          <a:prstGeom prst="rect">
            <a:avLst/>
          </a:prstGeom>
        </p:spPr>
      </p:pic>
      <p:sp>
        <p:nvSpPr>
          <p:cNvPr id="25" name="TextBox 24">
            <a:extLst>
              <a:ext uri="{FF2B5EF4-FFF2-40B4-BE49-F238E27FC236}">
                <a16:creationId xmlns:a16="http://schemas.microsoft.com/office/drawing/2014/main" id="{1E267962-CE43-8A58-206B-FDF70412020A}"/>
              </a:ext>
            </a:extLst>
          </p:cNvPr>
          <p:cNvSpPr txBox="1"/>
          <p:nvPr/>
        </p:nvSpPr>
        <p:spPr>
          <a:xfrm>
            <a:off x="1396088" y="1541429"/>
            <a:ext cx="1160895" cy="369332"/>
          </a:xfrm>
          <a:prstGeom prst="rect">
            <a:avLst/>
          </a:prstGeom>
          <a:noFill/>
        </p:spPr>
        <p:txBody>
          <a:bodyPr wrap="none" rtlCol="0">
            <a:spAutoFit/>
          </a:bodyPr>
          <a:lstStyle/>
          <a:p>
            <a:r>
              <a:rPr lang="en-US"/>
              <a:t>SITE-WIDE</a:t>
            </a:r>
            <a:endParaRPr lang="en-PH"/>
          </a:p>
        </p:txBody>
      </p:sp>
      <p:graphicFrame>
        <p:nvGraphicFramePr>
          <p:cNvPr id="27" name="Table 26">
            <a:extLst>
              <a:ext uri="{FF2B5EF4-FFF2-40B4-BE49-F238E27FC236}">
                <a16:creationId xmlns:a16="http://schemas.microsoft.com/office/drawing/2014/main" id="{BD8DC114-F07D-CA44-4C86-A26407525FD8}"/>
              </a:ext>
            </a:extLst>
          </p:cNvPr>
          <p:cNvGraphicFramePr>
            <a:graphicFrameLocks noGrp="1"/>
          </p:cNvGraphicFramePr>
          <p:nvPr>
            <p:extLst>
              <p:ext uri="{D42A27DB-BD31-4B8C-83A1-F6EECF244321}">
                <p14:modId xmlns:p14="http://schemas.microsoft.com/office/powerpoint/2010/main" val="3260219090"/>
              </p:ext>
            </p:extLst>
          </p:nvPr>
        </p:nvGraphicFramePr>
        <p:xfrm>
          <a:off x="9082442" y="3309521"/>
          <a:ext cx="1577788" cy="2078355"/>
        </p:xfrm>
        <a:graphic>
          <a:graphicData uri="http://schemas.openxmlformats.org/drawingml/2006/table">
            <a:tbl>
              <a:tblPr firstRow="1" firstCol="1" bandRow="1">
                <a:tableStyleId>{5C22544A-7EE6-4342-B048-85BDC9FD1C3A}</a:tableStyleId>
              </a:tblPr>
              <a:tblGrid>
                <a:gridCol w="1577788">
                  <a:extLst>
                    <a:ext uri="{9D8B030D-6E8A-4147-A177-3AD203B41FA5}">
                      <a16:colId xmlns:a16="http://schemas.microsoft.com/office/drawing/2014/main" val="3292875984"/>
                    </a:ext>
                  </a:extLst>
                </a:gridCol>
              </a:tblGrid>
              <a:tr h="415671">
                <a:tc>
                  <a:txBody>
                    <a:bodyPr/>
                    <a:lstStyle/>
                    <a:p>
                      <a:pPr algn="ctr">
                        <a:spcAft>
                          <a:spcPts val="1000"/>
                        </a:spcAft>
                      </a:pPr>
                      <a:r>
                        <a:rPr lang="en-US" sz="1200">
                          <a:effectLst/>
                        </a:rPr>
                        <a:t>Catastrophic</a:t>
                      </a:r>
                      <a:endParaRPr lang="en-PH" sz="1400">
                        <a:effectLst/>
                        <a:latin typeface="Arial" panose="020B0604020202020204" pitchFamily="34" charset="0"/>
                        <a:ea typeface="Cambria" panose="02040503050406030204" pitchFamily="18" charset="0"/>
                        <a:cs typeface="Arial" panose="020B0604020202020204" pitchFamily="34" charset="0"/>
                      </a:endParaRPr>
                    </a:p>
                  </a:txBody>
                  <a:tcPr marL="68580" marR="68580" marT="0" marB="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FF0000"/>
                    </a:solidFill>
                  </a:tcPr>
                </a:tc>
                <a:extLst>
                  <a:ext uri="{0D108BD9-81ED-4DB2-BD59-A6C34878D82A}">
                    <a16:rowId xmlns:a16="http://schemas.microsoft.com/office/drawing/2014/main" val="2121524780"/>
                  </a:ext>
                </a:extLst>
              </a:tr>
              <a:tr h="415671">
                <a:tc>
                  <a:txBody>
                    <a:bodyPr/>
                    <a:lstStyle/>
                    <a:p>
                      <a:pPr algn="ctr">
                        <a:spcAft>
                          <a:spcPts val="1000"/>
                        </a:spcAft>
                      </a:pPr>
                      <a:r>
                        <a:rPr lang="en-US" sz="1200">
                          <a:effectLst/>
                        </a:rPr>
                        <a:t>Critical</a:t>
                      </a:r>
                      <a:endParaRPr lang="en-PH" sz="1400">
                        <a:effectLst/>
                        <a:latin typeface="Arial" panose="020B0604020202020204" pitchFamily="34" charset="0"/>
                        <a:ea typeface="Cambria" panose="02040503050406030204" pitchFamily="18" charset="0"/>
                        <a:cs typeface="Arial" panose="020B0604020202020204" pitchFamily="34" charset="0"/>
                      </a:endParaRPr>
                    </a:p>
                  </a:txBody>
                  <a:tcPr marL="68580" marR="68580" marT="0" marB="0"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rgbClr val="FFC000"/>
                    </a:solidFill>
                  </a:tcPr>
                </a:tc>
                <a:extLst>
                  <a:ext uri="{0D108BD9-81ED-4DB2-BD59-A6C34878D82A}">
                    <a16:rowId xmlns:a16="http://schemas.microsoft.com/office/drawing/2014/main" val="1273688157"/>
                  </a:ext>
                </a:extLst>
              </a:tr>
              <a:tr h="415671">
                <a:tc>
                  <a:txBody>
                    <a:bodyPr/>
                    <a:lstStyle/>
                    <a:p>
                      <a:pPr algn="ctr">
                        <a:spcAft>
                          <a:spcPts val="1000"/>
                        </a:spcAft>
                      </a:pPr>
                      <a:r>
                        <a:rPr lang="en-US" sz="1200">
                          <a:solidFill>
                            <a:sysClr val="windowText" lastClr="000000"/>
                          </a:solidFill>
                          <a:effectLst/>
                        </a:rPr>
                        <a:t>Severe</a:t>
                      </a:r>
                      <a:endParaRPr lang="en-PH" sz="1400">
                        <a:solidFill>
                          <a:sysClr val="windowText" lastClr="000000"/>
                        </a:solidFill>
                        <a:effectLst/>
                        <a:latin typeface="Arial" panose="020B0604020202020204" pitchFamily="34" charset="0"/>
                        <a:ea typeface="Cambria" panose="02040503050406030204" pitchFamily="18" charset="0"/>
                        <a:cs typeface="Arial" panose="020B0604020202020204" pitchFamily="34" charset="0"/>
                      </a:endParaRPr>
                    </a:p>
                  </a:txBody>
                  <a:tcPr marL="68580" marR="6858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FFFF00"/>
                    </a:solidFill>
                  </a:tcPr>
                </a:tc>
                <a:extLst>
                  <a:ext uri="{0D108BD9-81ED-4DB2-BD59-A6C34878D82A}">
                    <a16:rowId xmlns:a16="http://schemas.microsoft.com/office/drawing/2014/main" val="2640003682"/>
                  </a:ext>
                </a:extLst>
              </a:tr>
              <a:tr h="415671">
                <a:tc>
                  <a:txBody>
                    <a:bodyPr/>
                    <a:lstStyle/>
                    <a:p>
                      <a:pPr algn="ctr">
                        <a:spcAft>
                          <a:spcPts val="1000"/>
                        </a:spcAft>
                      </a:pPr>
                      <a:r>
                        <a:rPr lang="en-US" sz="1200">
                          <a:effectLst/>
                        </a:rPr>
                        <a:t>Major</a:t>
                      </a:r>
                      <a:endParaRPr lang="en-PH" sz="1400">
                        <a:effectLst/>
                        <a:latin typeface="Arial" panose="020B0604020202020204" pitchFamily="34" charset="0"/>
                        <a:ea typeface="Cambria" panose="02040503050406030204" pitchFamily="18" charset="0"/>
                        <a:cs typeface="Arial" panose="020B0604020202020204" pitchFamily="34" charset="0"/>
                      </a:endParaRPr>
                    </a:p>
                  </a:txBody>
                  <a:tcPr marL="68580" marR="6858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92D050"/>
                    </a:solidFill>
                  </a:tcPr>
                </a:tc>
                <a:extLst>
                  <a:ext uri="{0D108BD9-81ED-4DB2-BD59-A6C34878D82A}">
                    <a16:rowId xmlns:a16="http://schemas.microsoft.com/office/drawing/2014/main" val="3497474768"/>
                  </a:ext>
                </a:extLst>
              </a:tr>
              <a:tr h="415671">
                <a:tc>
                  <a:txBody>
                    <a:bodyPr/>
                    <a:lstStyle/>
                    <a:p>
                      <a:pPr algn="ctr">
                        <a:spcAft>
                          <a:spcPts val="1000"/>
                        </a:spcAft>
                      </a:pPr>
                      <a:r>
                        <a:rPr lang="en-US" sz="1200">
                          <a:effectLst/>
                        </a:rPr>
                        <a:t>Minor</a:t>
                      </a:r>
                      <a:endParaRPr lang="en-PH" sz="1400">
                        <a:effectLst/>
                        <a:latin typeface="Arial" panose="020B0604020202020204" pitchFamily="34" charset="0"/>
                        <a:ea typeface="Cambria" panose="02040503050406030204" pitchFamily="18" charset="0"/>
                        <a:cs typeface="Arial" panose="020B0604020202020204" pitchFamily="34" charset="0"/>
                      </a:endParaRPr>
                    </a:p>
                  </a:txBody>
                  <a:tcPr marL="68580" marR="6858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00B050"/>
                    </a:solidFill>
                  </a:tcPr>
                </a:tc>
                <a:extLst>
                  <a:ext uri="{0D108BD9-81ED-4DB2-BD59-A6C34878D82A}">
                    <a16:rowId xmlns:a16="http://schemas.microsoft.com/office/drawing/2014/main" val="603705293"/>
                  </a:ext>
                </a:extLst>
              </a:tr>
            </a:tbl>
          </a:graphicData>
        </a:graphic>
      </p:graphicFrame>
      <p:sp>
        <p:nvSpPr>
          <p:cNvPr id="28" name="TextBox 27">
            <a:extLst>
              <a:ext uri="{FF2B5EF4-FFF2-40B4-BE49-F238E27FC236}">
                <a16:creationId xmlns:a16="http://schemas.microsoft.com/office/drawing/2014/main" id="{EEC86F5A-BFAA-1E6E-1BF0-D3CEC0E941B5}"/>
              </a:ext>
            </a:extLst>
          </p:cNvPr>
          <p:cNvSpPr txBox="1"/>
          <p:nvPr/>
        </p:nvSpPr>
        <p:spPr>
          <a:xfrm>
            <a:off x="6782252" y="3292750"/>
            <a:ext cx="665567" cy="369332"/>
          </a:xfrm>
          <a:prstGeom prst="rect">
            <a:avLst/>
          </a:prstGeom>
          <a:noFill/>
        </p:spPr>
        <p:txBody>
          <a:bodyPr wrap="none" rtlCol="0">
            <a:spAutoFit/>
          </a:bodyPr>
          <a:lstStyle/>
          <a:p>
            <a:r>
              <a:rPr lang="en-US" b="1"/>
              <a:t>High</a:t>
            </a:r>
            <a:r>
              <a:rPr lang="en-US"/>
              <a:t> </a:t>
            </a:r>
            <a:endParaRPr lang="en-PH"/>
          </a:p>
        </p:txBody>
      </p:sp>
      <p:sp>
        <p:nvSpPr>
          <p:cNvPr id="29" name="TextBox 28">
            <a:extLst>
              <a:ext uri="{FF2B5EF4-FFF2-40B4-BE49-F238E27FC236}">
                <a16:creationId xmlns:a16="http://schemas.microsoft.com/office/drawing/2014/main" id="{8482D66A-8E77-23E5-FFE0-C0400CE7B1B6}"/>
              </a:ext>
            </a:extLst>
          </p:cNvPr>
          <p:cNvSpPr txBox="1"/>
          <p:nvPr/>
        </p:nvSpPr>
        <p:spPr>
          <a:xfrm>
            <a:off x="6804340" y="4762817"/>
            <a:ext cx="629852" cy="369332"/>
          </a:xfrm>
          <a:prstGeom prst="rect">
            <a:avLst/>
          </a:prstGeom>
          <a:noFill/>
        </p:spPr>
        <p:txBody>
          <a:bodyPr wrap="none" rtlCol="0">
            <a:spAutoFit/>
          </a:bodyPr>
          <a:lstStyle/>
          <a:p>
            <a:r>
              <a:rPr lang="en-US" b="1"/>
              <a:t>Low</a:t>
            </a:r>
            <a:r>
              <a:rPr lang="en-US"/>
              <a:t> </a:t>
            </a:r>
            <a:endParaRPr lang="en-PH"/>
          </a:p>
        </p:txBody>
      </p:sp>
      <p:cxnSp>
        <p:nvCxnSpPr>
          <p:cNvPr id="31" name="Straight Arrow Connector 30">
            <a:extLst>
              <a:ext uri="{FF2B5EF4-FFF2-40B4-BE49-F238E27FC236}">
                <a16:creationId xmlns:a16="http://schemas.microsoft.com/office/drawing/2014/main" id="{936D7691-6272-38BB-61FB-E885F548B746}"/>
              </a:ext>
            </a:extLst>
          </p:cNvPr>
          <p:cNvCxnSpPr>
            <a:cxnSpLocks/>
          </p:cNvCxnSpPr>
          <p:nvPr/>
        </p:nvCxnSpPr>
        <p:spPr>
          <a:xfrm flipV="1">
            <a:off x="7100895" y="3662082"/>
            <a:ext cx="1" cy="1100735"/>
          </a:xfrm>
          <a:prstGeom prst="straightConnector1">
            <a:avLst/>
          </a:prstGeom>
          <a:ln w="76200">
            <a:gradFill>
              <a:gsLst>
                <a:gs pos="0">
                  <a:srgbClr val="00B050"/>
                </a:gs>
                <a:gs pos="24000">
                  <a:srgbClr val="92D050"/>
                </a:gs>
                <a:gs pos="41000">
                  <a:srgbClr val="FFFF00"/>
                </a:gs>
                <a:gs pos="77000">
                  <a:srgbClr val="FF3000"/>
                </a:gs>
                <a:gs pos="69000">
                  <a:srgbClr val="FF6000"/>
                </a:gs>
                <a:gs pos="57000">
                  <a:srgbClr val="FFC000"/>
                </a:gs>
                <a:gs pos="91000">
                  <a:srgbClr val="FF0000"/>
                </a:gs>
              </a:gsLst>
              <a:lin ang="5400000" scaled="1"/>
            </a:gradFill>
            <a:tailEnd type="triangle"/>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FB41F984-3D4A-7AA8-535A-14F78EDD3526}"/>
              </a:ext>
            </a:extLst>
          </p:cNvPr>
          <p:cNvSpPr txBox="1"/>
          <p:nvPr/>
        </p:nvSpPr>
        <p:spPr>
          <a:xfrm>
            <a:off x="6300779" y="1525488"/>
            <a:ext cx="1685783" cy="369332"/>
          </a:xfrm>
          <a:prstGeom prst="rect">
            <a:avLst/>
          </a:prstGeom>
          <a:noFill/>
        </p:spPr>
        <p:txBody>
          <a:bodyPr wrap="none" rtlCol="0">
            <a:spAutoFit/>
          </a:bodyPr>
          <a:lstStyle/>
          <a:p>
            <a:r>
              <a:rPr lang="en-US"/>
              <a:t>MEASUREMENT</a:t>
            </a:r>
            <a:endParaRPr lang="en-PH"/>
          </a:p>
        </p:txBody>
      </p:sp>
      <p:sp>
        <p:nvSpPr>
          <p:cNvPr id="3" name="TextBox 2">
            <a:extLst>
              <a:ext uri="{FF2B5EF4-FFF2-40B4-BE49-F238E27FC236}">
                <a16:creationId xmlns:a16="http://schemas.microsoft.com/office/drawing/2014/main" id="{0DDBCEC2-EE94-F333-630D-2C358B15E26E}"/>
              </a:ext>
            </a:extLst>
          </p:cNvPr>
          <p:cNvSpPr txBox="1"/>
          <p:nvPr/>
        </p:nvSpPr>
        <p:spPr>
          <a:xfrm>
            <a:off x="9443943" y="1514615"/>
            <a:ext cx="854786" cy="369332"/>
          </a:xfrm>
          <a:prstGeom prst="rect">
            <a:avLst/>
          </a:prstGeom>
          <a:noFill/>
        </p:spPr>
        <p:txBody>
          <a:bodyPr wrap="none" rtlCol="0">
            <a:spAutoFit/>
          </a:bodyPr>
          <a:lstStyle/>
          <a:p>
            <a:r>
              <a:rPr lang="en-US"/>
              <a:t>EFFECT</a:t>
            </a:r>
            <a:endParaRPr lang="en-PH"/>
          </a:p>
        </p:txBody>
      </p:sp>
      <p:cxnSp>
        <p:nvCxnSpPr>
          <p:cNvPr id="7" name="Straight Arrow Connector 6">
            <a:extLst>
              <a:ext uri="{FF2B5EF4-FFF2-40B4-BE49-F238E27FC236}">
                <a16:creationId xmlns:a16="http://schemas.microsoft.com/office/drawing/2014/main" id="{33BDBA61-3773-4612-0223-00703D8276B8}"/>
              </a:ext>
            </a:extLst>
          </p:cNvPr>
          <p:cNvCxnSpPr/>
          <p:nvPr/>
        </p:nvCxnSpPr>
        <p:spPr>
          <a:xfrm flipV="1">
            <a:off x="9910119" y="5420497"/>
            <a:ext cx="0" cy="28832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29FB4182-B8AB-4438-5E07-FEA3D4A6F6B1}"/>
              </a:ext>
            </a:extLst>
          </p:cNvPr>
          <p:cNvSpPr txBox="1"/>
          <p:nvPr/>
        </p:nvSpPr>
        <p:spPr>
          <a:xfrm>
            <a:off x="8933935" y="5741443"/>
            <a:ext cx="1952368" cy="954107"/>
          </a:xfrm>
          <a:prstGeom prst="rect">
            <a:avLst/>
          </a:prstGeom>
          <a:noFill/>
        </p:spPr>
        <p:txBody>
          <a:bodyPr wrap="square" rtlCol="0">
            <a:spAutoFit/>
          </a:bodyPr>
          <a:lstStyle/>
          <a:p>
            <a:pPr algn="ctr"/>
            <a:r>
              <a:rPr lang="en-US" sz="1400"/>
              <a:t>Impact hierarchy, impacts can be also quantified in monetary units</a:t>
            </a:r>
          </a:p>
        </p:txBody>
      </p:sp>
    </p:spTree>
    <p:extLst>
      <p:ext uri="{BB962C8B-B14F-4D97-AF65-F5344CB8AC3E}">
        <p14:creationId xmlns:p14="http://schemas.microsoft.com/office/powerpoint/2010/main" val="186173902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5360275" cy="461665"/>
          </a:xfrm>
          <a:prstGeom prst="rect">
            <a:avLst/>
          </a:prstGeom>
          <a:noFill/>
        </p:spPr>
        <p:txBody>
          <a:bodyPr wrap="square" rtlCol="0">
            <a:spAutoFit/>
          </a:bodyPr>
          <a:lstStyle/>
          <a:p>
            <a:r>
              <a:rPr lang="en-US" sz="2400" cap="all" spc="-136">
                <a:solidFill>
                  <a:schemeClr val="tx2"/>
                </a:solidFill>
              </a:rPr>
              <a:t>Development of IMPACT hierarchy</a:t>
            </a:r>
          </a:p>
        </p:txBody>
      </p:sp>
      <p:pic>
        <p:nvPicPr>
          <p:cNvPr id="66" name="Picture 65" descr="Diagram, schematic&#10;&#10;Description automatically generated">
            <a:extLst>
              <a:ext uri="{FF2B5EF4-FFF2-40B4-BE49-F238E27FC236}">
                <a16:creationId xmlns:a16="http://schemas.microsoft.com/office/drawing/2014/main" id="{2556FF3D-F599-CE9D-15F1-C8F3597F2C0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437381" y="1458545"/>
            <a:ext cx="6311737" cy="3615963"/>
          </a:xfrm>
          <a:prstGeom prst="rect">
            <a:avLst/>
          </a:prstGeom>
        </p:spPr>
      </p:pic>
      <p:sp>
        <p:nvSpPr>
          <p:cNvPr id="2" name="Content Placeholder 2">
            <a:extLst>
              <a:ext uri="{FF2B5EF4-FFF2-40B4-BE49-F238E27FC236}">
                <a16:creationId xmlns:a16="http://schemas.microsoft.com/office/drawing/2014/main" id="{275E413C-F67E-1608-12A8-516B838C34F8}"/>
              </a:ext>
            </a:extLst>
          </p:cNvPr>
          <p:cNvSpPr>
            <a:spLocks noGrp="1"/>
          </p:cNvSpPr>
          <p:nvPr>
            <p:ph idx="1"/>
          </p:nvPr>
        </p:nvSpPr>
        <p:spPr>
          <a:xfrm>
            <a:off x="661542" y="1528119"/>
            <a:ext cx="4655893" cy="3801762"/>
          </a:xfrm>
        </p:spPr>
        <p:txBody>
          <a:bodyPr>
            <a:noAutofit/>
          </a:bodyPr>
          <a:lstStyle/>
          <a:p>
            <a:r>
              <a:rPr lang="en-US" sz="1600">
                <a:latin typeface="Arial" panose="020B0604020202020204" pitchFamily="34" charset="0"/>
                <a:cs typeface="Arial" panose="020B0604020202020204" pitchFamily="34" charset="0"/>
              </a:rPr>
              <a:t>An impact hierarchy will be developed as a way to quantify possible impacts incurred by hazard events.</a:t>
            </a:r>
          </a:p>
          <a:p>
            <a:r>
              <a:rPr lang="en-US" sz="1600">
                <a:latin typeface="Arial" panose="020B0604020202020204" pitchFamily="34" charset="0"/>
                <a:cs typeface="Arial" panose="020B0604020202020204" pitchFamily="34" charset="0"/>
              </a:rPr>
              <a:t>The hierarchy is very important as it shall be clear for evaluators to measure the impact (recommended to be monetary units, willingness to pay) and to eliminate any possibility of double counting.</a:t>
            </a:r>
          </a:p>
          <a:p>
            <a:r>
              <a:rPr lang="en-US" sz="1600">
                <a:latin typeface="Arial" panose="020B0604020202020204" pitchFamily="34" charset="0"/>
                <a:cs typeface="Arial" panose="020B0604020202020204" pitchFamily="34" charset="0"/>
              </a:rPr>
              <a:t>The hierarchy is in close connection to the Fault Tree Analysis and Event Tree Analysis.</a:t>
            </a:r>
          </a:p>
        </p:txBody>
      </p:sp>
    </p:spTree>
    <p:extLst>
      <p:ext uri="{BB962C8B-B14F-4D97-AF65-F5344CB8AC3E}">
        <p14:creationId xmlns:p14="http://schemas.microsoft.com/office/powerpoint/2010/main" val="276785366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8984966" cy="461665"/>
          </a:xfrm>
          <a:prstGeom prst="rect">
            <a:avLst/>
          </a:prstGeom>
          <a:noFill/>
        </p:spPr>
        <p:txBody>
          <a:bodyPr wrap="square" rtlCol="0">
            <a:spAutoFit/>
          </a:bodyPr>
          <a:lstStyle/>
          <a:p>
            <a:r>
              <a:rPr lang="en-US" sz="2400" cap="all" spc="-136">
                <a:solidFill>
                  <a:schemeClr val="tx2"/>
                </a:solidFill>
              </a:rPr>
              <a:t>Development of event tree analysis (eta)/ FAULT Tree analysis (FTA)</a:t>
            </a:r>
          </a:p>
        </p:txBody>
      </p:sp>
      <p:pic>
        <p:nvPicPr>
          <p:cNvPr id="2" name="Content Placeholder 4" descr="Diagram&#10;&#10;Description automatically generated">
            <a:extLst>
              <a:ext uri="{FF2B5EF4-FFF2-40B4-BE49-F238E27FC236}">
                <a16:creationId xmlns:a16="http://schemas.microsoft.com/office/drawing/2014/main" id="{96EFCDB9-B912-6275-8B29-954765D6E37F}"/>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3718193" y="1284264"/>
            <a:ext cx="7815658" cy="4441034"/>
          </a:xfrm>
        </p:spPr>
      </p:pic>
      <p:sp>
        <p:nvSpPr>
          <p:cNvPr id="3" name="Content Placeholder 2">
            <a:extLst>
              <a:ext uri="{FF2B5EF4-FFF2-40B4-BE49-F238E27FC236}">
                <a16:creationId xmlns:a16="http://schemas.microsoft.com/office/drawing/2014/main" id="{5D4A68E5-8E31-A09C-70D9-A0466B66E6E6}"/>
              </a:ext>
            </a:extLst>
          </p:cNvPr>
          <p:cNvSpPr txBox="1">
            <a:spLocks/>
          </p:cNvSpPr>
          <p:nvPr/>
        </p:nvSpPr>
        <p:spPr>
          <a:xfrm>
            <a:off x="661542" y="1528118"/>
            <a:ext cx="2921917" cy="4441033"/>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a:latin typeface="Arial" panose="020B0604020202020204" pitchFamily="34" charset="0"/>
                <a:cs typeface="Arial" panose="020B0604020202020204" pitchFamily="34" charset="0"/>
              </a:rPr>
              <a:t>ETA and FTA are the right methodologies for risk and resilience analysis considering the requirements in the TOR.</a:t>
            </a:r>
          </a:p>
          <a:p>
            <a:r>
              <a:rPr lang="en-US" sz="1600">
                <a:latin typeface="Arial" panose="020B0604020202020204" pitchFamily="34" charset="0"/>
                <a:cs typeface="Arial" panose="020B0604020202020204" pitchFamily="34" charset="0"/>
              </a:rPr>
              <a:t>ETA/FTA give a systematic and quantitative estimation of vulnerability, capacity, hazard, and risk.</a:t>
            </a:r>
          </a:p>
          <a:p>
            <a:r>
              <a:rPr lang="en-US" sz="1600">
                <a:latin typeface="Arial" panose="020B0604020202020204" pitchFamily="34" charset="0"/>
                <a:cs typeface="Arial" panose="020B0604020202020204" pitchFamily="34" charset="0"/>
              </a:rPr>
              <a:t>An excel based program will be formulated to capture the details and make it transparent to the Client.</a:t>
            </a:r>
          </a:p>
          <a:p>
            <a:r>
              <a:rPr lang="en-US" sz="1600">
                <a:latin typeface="Arial" panose="020B0604020202020204" pitchFamily="34" charset="0"/>
                <a:cs typeface="Arial" panose="020B0604020202020204" pitchFamily="34" charset="0"/>
              </a:rPr>
              <a:t>It links directly to the impact hierarchy</a:t>
            </a:r>
          </a:p>
        </p:txBody>
      </p:sp>
    </p:spTree>
    <p:extLst>
      <p:ext uri="{BB962C8B-B14F-4D97-AF65-F5344CB8AC3E}">
        <p14:creationId xmlns:p14="http://schemas.microsoft.com/office/powerpoint/2010/main" val="5062225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5360275" cy="461665"/>
          </a:xfrm>
          <a:prstGeom prst="rect">
            <a:avLst/>
          </a:prstGeom>
          <a:noFill/>
        </p:spPr>
        <p:txBody>
          <a:bodyPr wrap="square" rtlCol="0">
            <a:spAutoFit/>
          </a:bodyPr>
          <a:lstStyle/>
          <a:p>
            <a:r>
              <a:rPr lang="en-US" sz="2400" cap="all" spc="-136">
                <a:solidFill>
                  <a:schemeClr val="tx2"/>
                </a:solidFill>
              </a:rPr>
              <a:t>Development of ETA/FTA</a:t>
            </a:r>
          </a:p>
        </p:txBody>
      </p:sp>
      <p:pic>
        <p:nvPicPr>
          <p:cNvPr id="6" name="Picture 5">
            <a:extLst>
              <a:ext uri="{FF2B5EF4-FFF2-40B4-BE49-F238E27FC236}">
                <a16:creationId xmlns:a16="http://schemas.microsoft.com/office/drawing/2014/main" id="{ACFBDBD8-0B7F-E528-0086-DF70FB7C003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29950" y="1491049"/>
            <a:ext cx="7699435" cy="4035991"/>
          </a:xfrm>
          <a:prstGeom prst="rect">
            <a:avLst/>
          </a:prstGeom>
        </p:spPr>
      </p:pic>
      <p:sp>
        <p:nvSpPr>
          <p:cNvPr id="2" name="Content Placeholder 2">
            <a:extLst>
              <a:ext uri="{FF2B5EF4-FFF2-40B4-BE49-F238E27FC236}">
                <a16:creationId xmlns:a16="http://schemas.microsoft.com/office/drawing/2014/main" id="{F9145FBE-C099-0C2E-7B60-209F68144BB9}"/>
              </a:ext>
            </a:extLst>
          </p:cNvPr>
          <p:cNvSpPr txBox="1">
            <a:spLocks/>
          </p:cNvSpPr>
          <p:nvPr/>
        </p:nvSpPr>
        <p:spPr>
          <a:xfrm>
            <a:off x="661542" y="1528118"/>
            <a:ext cx="2921917" cy="4441033"/>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a:latin typeface="Arial" panose="020B0604020202020204" pitchFamily="34" charset="0"/>
                <a:cs typeface="Arial" panose="020B0604020202020204" pitchFamily="34" charset="0"/>
              </a:rPr>
              <a:t>A simple example shows the soundness and applicability of the ETA/FTA methodologies.</a:t>
            </a:r>
          </a:p>
          <a:p>
            <a:r>
              <a:rPr lang="en-US" sz="1600">
                <a:latin typeface="Arial" panose="020B0604020202020204" pitchFamily="34" charset="0"/>
                <a:cs typeface="Arial" panose="020B0604020202020204" pitchFamily="34" charset="0"/>
              </a:rPr>
              <a:t>We can further discuss with the Client on either using integer value or continuous value of H, V, C for optimization and precision of estimation.</a:t>
            </a:r>
          </a:p>
          <a:p>
            <a:r>
              <a:rPr lang="en-US" sz="1600">
                <a:latin typeface="Arial" panose="020B0604020202020204" pitchFamily="34" charset="0"/>
                <a:cs typeface="Arial" panose="020B0604020202020204" pitchFamily="34" charset="0"/>
              </a:rPr>
              <a:t>The tree will grow, and the value will be mathematically captured to avoid any bias.</a:t>
            </a:r>
          </a:p>
        </p:txBody>
      </p:sp>
    </p:spTree>
    <p:extLst>
      <p:ext uri="{BB962C8B-B14F-4D97-AF65-F5344CB8AC3E}">
        <p14:creationId xmlns:p14="http://schemas.microsoft.com/office/powerpoint/2010/main" val="3840618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7706404" cy="830997"/>
          </a:xfrm>
          <a:prstGeom prst="rect">
            <a:avLst/>
          </a:prstGeom>
          <a:noFill/>
        </p:spPr>
        <p:txBody>
          <a:bodyPr wrap="square" rtlCol="0">
            <a:spAutoFit/>
          </a:bodyPr>
          <a:lstStyle/>
          <a:p>
            <a:r>
              <a:rPr lang="en-US" sz="2400" cap="all" spc="-136">
                <a:solidFill>
                  <a:schemeClr val="tx2"/>
                </a:solidFill>
              </a:rPr>
              <a:t>Multiple criteria decision analysis (MCDA) and selection of optimal intervention strategies</a:t>
            </a:r>
          </a:p>
        </p:txBody>
      </p:sp>
      <p:pic>
        <p:nvPicPr>
          <p:cNvPr id="35" name="Picture 34" descr="Diagram&#10;&#10;Description automatically generated">
            <a:extLst>
              <a:ext uri="{FF2B5EF4-FFF2-40B4-BE49-F238E27FC236}">
                <a16:creationId xmlns:a16="http://schemas.microsoft.com/office/drawing/2014/main" id="{F8E5A4C8-D18B-F41B-5642-A7787762ED4E}"/>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797229" y="2180841"/>
            <a:ext cx="3414681" cy="2288458"/>
          </a:xfrm>
          <a:prstGeom prst="rect">
            <a:avLst/>
          </a:prstGeom>
        </p:spPr>
      </p:pic>
      <p:pic>
        <p:nvPicPr>
          <p:cNvPr id="36" name="Picture 35" descr="Calendar&#10;&#10;Description automatically generated">
            <a:extLst>
              <a:ext uri="{FF2B5EF4-FFF2-40B4-BE49-F238E27FC236}">
                <a16:creationId xmlns:a16="http://schemas.microsoft.com/office/drawing/2014/main" id="{FE999D21-9984-7274-A212-BC58304C1CFA}"/>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18088"/>
          <a:stretch/>
        </p:blipFill>
        <p:spPr bwMode="auto">
          <a:xfrm>
            <a:off x="8186268" y="2044917"/>
            <a:ext cx="3646854" cy="2683602"/>
          </a:xfrm>
          <a:prstGeom prst="rect">
            <a:avLst/>
          </a:prstGeom>
          <a:noFill/>
          <a:ln>
            <a:noFill/>
          </a:ln>
          <a:extLst>
            <a:ext uri="{53640926-AAD7-44D8-BBD7-CCE9431645EC}">
              <a14:shadowObscured xmlns:a14="http://schemas.microsoft.com/office/drawing/2010/main"/>
            </a:ext>
          </a:extLst>
        </p:spPr>
      </p:pic>
      <p:pic>
        <p:nvPicPr>
          <p:cNvPr id="5" name="Picture 4" descr="Diagram&#10;&#10;Description automatically generated with medium confidence">
            <a:extLst>
              <a:ext uri="{FF2B5EF4-FFF2-40B4-BE49-F238E27FC236}">
                <a16:creationId xmlns:a16="http://schemas.microsoft.com/office/drawing/2014/main" id="{527B0788-FF6A-E688-BF35-4B1FCF4B5E6E}"/>
              </a:ext>
            </a:extLst>
          </p:cNvPr>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3448941" y="2056152"/>
            <a:ext cx="1348288" cy="2537835"/>
          </a:xfrm>
          <a:prstGeom prst="rect">
            <a:avLst/>
          </a:prstGeom>
        </p:spPr>
      </p:pic>
      <p:sp>
        <p:nvSpPr>
          <p:cNvPr id="2" name="Content Placeholder 2">
            <a:extLst>
              <a:ext uri="{FF2B5EF4-FFF2-40B4-BE49-F238E27FC236}">
                <a16:creationId xmlns:a16="http://schemas.microsoft.com/office/drawing/2014/main" id="{B2FAB9AA-5BAE-F6A6-9D28-EED220B04F7B}"/>
              </a:ext>
            </a:extLst>
          </p:cNvPr>
          <p:cNvSpPr>
            <a:spLocks noGrp="1"/>
          </p:cNvSpPr>
          <p:nvPr>
            <p:ph idx="1"/>
          </p:nvPr>
        </p:nvSpPr>
        <p:spPr>
          <a:xfrm>
            <a:off x="603877" y="1882346"/>
            <a:ext cx="2691258" cy="3801762"/>
          </a:xfrm>
        </p:spPr>
        <p:txBody>
          <a:bodyPr>
            <a:noAutofit/>
          </a:bodyPr>
          <a:lstStyle/>
          <a:p>
            <a:r>
              <a:rPr lang="en-US" sz="1600">
                <a:latin typeface="Arial" panose="020B0604020202020204" pitchFamily="34" charset="0"/>
                <a:cs typeface="Arial" panose="020B0604020202020204" pitchFamily="34" charset="0"/>
              </a:rPr>
              <a:t>MCDA methodology is to be used to determine optimal intervention strategies.</a:t>
            </a:r>
          </a:p>
          <a:p>
            <a:r>
              <a:rPr lang="en-US" sz="1600">
                <a:latin typeface="Arial" panose="020B0604020202020204" pitchFamily="34" charset="0"/>
                <a:cs typeface="Arial" panose="020B0604020202020204" pitchFamily="34" charset="0"/>
              </a:rPr>
              <a:t>The exact criteria to be used as part of MCDA will be finalized together with the Client.</a:t>
            </a:r>
          </a:p>
          <a:p>
            <a:r>
              <a:rPr lang="en-US" sz="1600">
                <a:latin typeface="Arial" panose="020B0604020202020204" pitchFamily="34" charset="0"/>
                <a:cs typeface="Arial" panose="020B0604020202020204" pitchFamily="34" charset="0"/>
              </a:rPr>
              <a:t>Weighting factors will be carefully examined and selected.</a:t>
            </a:r>
          </a:p>
        </p:txBody>
      </p:sp>
      <p:cxnSp>
        <p:nvCxnSpPr>
          <p:cNvPr id="6" name="Straight Arrow Connector 5">
            <a:extLst>
              <a:ext uri="{FF2B5EF4-FFF2-40B4-BE49-F238E27FC236}">
                <a16:creationId xmlns:a16="http://schemas.microsoft.com/office/drawing/2014/main" id="{C30FEFB1-9BAF-FB8C-F918-1A7577C6108C}"/>
              </a:ext>
            </a:extLst>
          </p:cNvPr>
          <p:cNvCxnSpPr/>
          <p:nvPr/>
        </p:nvCxnSpPr>
        <p:spPr>
          <a:xfrm flipV="1">
            <a:off x="7084541" y="4555524"/>
            <a:ext cx="0" cy="37128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41E6CD53-3AD8-7ACB-AC2A-FB40E8FAFD8F}"/>
              </a:ext>
            </a:extLst>
          </p:cNvPr>
          <p:cNvSpPr txBox="1"/>
          <p:nvPr/>
        </p:nvSpPr>
        <p:spPr>
          <a:xfrm>
            <a:off x="4797229" y="4960340"/>
            <a:ext cx="5371070" cy="1200329"/>
          </a:xfrm>
          <a:prstGeom prst="rect">
            <a:avLst/>
          </a:prstGeom>
          <a:noFill/>
        </p:spPr>
        <p:txBody>
          <a:bodyPr wrap="square" rtlCol="0">
            <a:spAutoFit/>
          </a:bodyPr>
          <a:lstStyle/>
          <a:p>
            <a:pPr marL="171450" indent="-171450">
              <a:buFont typeface="Arial" panose="020B0604020202020204" pitchFamily="34" charset="0"/>
              <a:buChar char="•"/>
            </a:pPr>
            <a:r>
              <a:rPr lang="en-US" sz="1200"/>
              <a:t>This is just an example of criteria that Arcadis used in previous project. For determination of optimal strategy for jail facilities, we will adapt the criteria of preference defined in the TOR. The final set of criteria will be used after having it reviewed and approved by the Client.</a:t>
            </a:r>
          </a:p>
          <a:p>
            <a:pPr marL="171450" indent="-171450">
              <a:buFont typeface="Arial" panose="020B0604020202020204" pitchFamily="34" charset="0"/>
              <a:buChar char="•"/>
            </a:pPr>
            <a:r>
              <a:rPr lang="en-US" sz="1200"/>
              <a:t>MCDA will be conducted in excel tabular format and be shared with the Client for transparency.</a:t>
            </a:r>
          </a:p>
        </p:txBody>
      </p:sp>
    </p:spTree>
    <p:extLst>
      <p:ext uri="{BB962C8B-B14F-4D97-AF65-F5344CB8AC3E}">
        <p14:creationId xmlns:p14="http://schemas.microsoft.com/office/powerpoint/2010/main" val="131773281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9113863" cy="830997"/>
          </a:xfrm>
          <a:prstGeom prst="rect">
            <a:avLst/>
          </a:prstGeom>
          <a:noFill/>
        </p:spPr>
        <p:txBody>
          <a:bodyPr wrap="square" rtlCol="0">
            <a:spAutoFit/>
          </a:bodyPr>
          <a:lstStyle/>
          <a:p>
            <a:r>
              <a:rPr lang="en-US" sz="2400" cap="all" spc="-136">
                <a:solidFill>
                  <a:schemeClr val="tx2"/>
                </a:solidFill>
              </a:rPr>
              <a:t>Assessment on institutional constraints and capacity building toward disaster risk management</a:t>
            </a:r>
          </a:p>
        </p:txBody>
      </p:sp>
      <p:sp>
        <p:nvSpPr>
          <p:cNvPr id="3" name="TextBox 2">
            <a:extLst>
              <a:ext uri="{FF2B5EF4-FFF2-40B4-BE49-F238E27FC236}">
                <a16:creationId xmlns:a16="http://schemas.microsoft.com/office/drawing/2014/main" id="{C2865D8D-E213-4B34-8605-D3AA8F9E88A3}"/>
              </a:ext>
            </a:extLst>
          </p:cNvPr>
          <p:cNvSpPr txBox="1"/>
          <p:nvPr/>
        </p:nvSpPr>
        <p:spPr>
          <a:xfrm>
            <a:off x="730623" y="1588191"/>
            <a:ext cx="5151193" cy="3139321"/>
          </a:xfrm>
          <a:prstGeom prst="rect">
            <a:avLst/>
          </a:prstGeom>
          <a:noFill/>
        </p:spPr>
        <p:txBody>
          <a:bodyPr wrap="square">
            <a:spAutoFit/>
          </a:bodyPr>
          <a:lstStyle/>
          <a:p>
            <a:r>
              <a:rPr lang="en-US" sz="1800">
                <a:effectLst/>
                <a:latin typeface="Calibri" panose="020F0502020204030204" pitchFamily="34" charset="0"/>
                <a:ea typeface="Calibri" panose="020F0502020204030204" pitchFamily="34" charset="0"/>
              </a:rPr>
              <a:t>Review, assessment, and Gap Analysis of various concerned matters, institutional constraints and capacity building toward mitigation of disaster risks.</a:t>
            </a:r>
          </a:p>
          <a:p>
            <a:pPr marL="342900" indent="-342900">
              <a:buFont typeface="Arial" panose="020B0604020202020204" pitchFamily="34" charset="0"/>
              <a:buChar char="•"/>
            </a:pPr>
            <a:endParaRPr lang="en-US">
              <a:latin typeface="Calibri" panose="020F0502020204030204" pitchFamily="34" charset="0"/>
              <a:ea typeface="Calibri" panose="020F0502020204030204" pitchFamily="34" charset="0"/>
            </a:endParaRPr>
          </a:p>
          <a:p>
            <a:pPr marL="342900" indent="-342900">
              <a:buFont typeface="Arial" panose="020B0604020202020204" pitchFamily="34" charset="0"/>
              <a:buChar char="•"/>
            </a:pPr>
            <a:endParaRPr lang="en-US" sz="1800">
              <a:effectLst/>
              <a:latin typeface="Calibri" panose="020F0502020204030204" pitchFamily="34" charset="0"/>
              <a:ea typeface="Calibri" panose="020F0502020204030204" pitchFamily="34" charset="0"/>
            </a:endParaRPr>
          </a:p>
          <a:p>
            <a:pPr marL="342900" indent="-342900">
              <a:buFont typeface="Arial" panose="020B0604020202020204" pitchFamily="34" charset="0"/>
              <a:buChar char="•"/>
            </a:pPr>
            <a:r>
              <a:rPr lang="en-US" sz="1800">
                <a:effectLst/>
                <a:latin typeface="Calibri" panose="020F0502020204030204" pitchFamily="34" charset="0"/>
                <a:ea typeface="Calibri" panose="020F0502020204030204" pitchFamily="34" charset="0"/>
              </a:rPr>
              <a:t>Legal/ policy, </a:t>
            </a:r>
          </a:p>
          <a:p>
            <a:pPr marL="342900" indent="-342900">
              <a:buFont typeface="Arial" panose="020B0604020202020204" pitchFamily="34" charset="0"/>
              <a:buChar char="•"/>
            </a:pPr>
            <a:r>
              <a:rPr lang="en-US" sz="1800">
                <a:effectLst/>
                <a:latin typeface="Calibri" panose="020F0502020204030204" pitchFamily="34" charset="0"/>
                <a:ea typeface="Calibri" panose="020F0502020204030204" pitchFamily="34" charset="0"/>
              </a:rPr>
              <a:t>Organization/ roles and responsibilities, </a:t>
            </a:r>
          </a:p>
          <a:p>
            <a:pPr marL="342900" indent="-342900">
              <a:buFont typeface="Arial" panose="020B0604020202020204" pitchFamily="34" charset="0"/>
              <a:buChar char="•"/>
            </a:pPr>
            <a:r>
              <a:rPr lang="en-US" sz="1800">
                <a:effectLst/>
                <a:latin typeface="Calibri" panose="020F0502020204030204" pitchFamily="34" charset="0"/>
                <a:ea typeface="Calibri" panose="020F0502020204030204" pitchFamily="34" charset="0"/>
              </a:rPr>
              <a:t>Processes/ standard operating procedures, </a:t>
            </a:r>
          </a:p>
          <a:p>
            <a:pPr marL="342900" indent="-342900">
              <a:buFont typeface="Arial" panose="020B0604020202020204" pitchFamily="34" charset="0"/>
              <a:buChar char="•"/>
            </a:pPr>
            <a:r>
              <a:rPr lang="en-US" sz="1800">
                <a:effectLst/>
                <a:latin typeface="Calibri" panose="020F0502020204030204" pitchFamily="34" charset="0"/>
                <a:ea typeface="Calibri" panose="020F0502020204030204" pitchFamily="34" charset="0"/>
              </a:rPr>
              <a:t>Financial resource</a:t>
            </a:r>
          </a:p>
          <a:p>
            <a:pPr marL="342900" indent="-342900">
              <a:buFont typeface="Arial" panose="020B0604020202020204" pitchFamily="34" charset="0"/>
              <a:buChar char="•"/>
            </a:pPr>
            <a:r>
              <a:rPr lang="en-US" sz="1800">
                <a:effectLst/>
                <a:latin typeface="Calibri" panose="020F0502020204030204" pitchFamily="34" charset="0"/>
                <a:ea typeface="Calibri" panose="020F0502020204030204" pitchFamily="34" charset="0"/>
              </a:rPr>
              <a:t>Equipment/ assets, </a:t>
            </a:r>
          </a:p>
          <a:p>
            <a:pPr marL="342900" indent="-342900">
              <a:buFont typeface="Arial" panose="020B0604020202020204" pitchFamily="34" charset="0"/>
              <a:buChar char="•"/>
            </a:pPr>
            <a:r>
              <a:rPr lang="en-US" sz="1800">
                <a:effectLst/>
                <a:latin typeface="Calibri" panose="020F0502020204030204" pitchFamily="34" charset="0"/>
                <a:ea typeface="Calibri" panose="020F0502020204030204" pitchFamily="34" charset="0"/>
              </a:rPr>
              <a:t>Knowledges and skills</a:t>
            </a:r>
            <a:endParaRPr lang="en-US"/>
          </a:p>
        </p:txBody>
      </p:sp>
      <p:pic>
        <p:nvPicPr>
          <p:cNvPr id="6" name="Picture 5">
            <a:extLst>
              <a:ext uri="{FF2B5EF4-FFF2-40B4-BE49-F238E27FC236}">
                <a16:creationId xmlns:a16="http://schemas.microsoft.com/office/drawing/2014/main" id="{D2AE06F5-A4DC-7F0B-8925-4744A18D6D1A}"/>
              </a:ext>
            </a:extLst>
          </p:cNvPr>
          <p:cNvPicPr>
            <a:picLocks noChangeAspect="1"/>
          </p:cNvPicPr>
          <p:nvPr/>
        </p:nvPicPr>
        <p:blipFill>
          <a:blip r:embed="rId3"/>
          <a:stretch>
            <a:fillRect/>
          </a:stretch>
        </p:blipFill>
        <p:spPr>
          <a:xfrm>
            <a:off x="6493933" y="1594761"/>
            <a:ext cx="4967444" cy="1984194"/>
          </a:xfrm>
          <a:prstGeom prst="rect">
            <a:avLst/>
          </a:prstGeom>
        </p:spPr>
      </p:pic>
      <p:pic>
        <p:nvPicPr>
          <p:cNvPr id="1026" name="Picture 2" descr="21 Best Workflow Management Software For Professionals - ProofHub">
            <a:extLst>
              <a:ext uri="{FF2B5EF4-FFF2-40B4-BE49-F238E27FC236}">
                <a16:creationId xmlns:a16="http://schemas.microsoft.com/office/drawing/2014/main" id="{AE4B01CC-378C-50F2-C0BA-9598B14207BE}"/>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40372" t="18731" r="26689" b="30068"/>
          <a:stretch/>
        </p:blipFill>
        <p:spPr bwMode="auto">
          <a:xfrm>
            <a:off x="6578866" y="4357649"/>
            <a:ext cx="1642496" cy="1436131"/>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660187C6-DDF0-EC5F-B023-FD854F8A1411}"/>
              </a:ext>
            </a:extLst>
          </p:cNvPr>
          <p:cNvSpPr txBox="1"/>
          <p:nvPr/>
        </p:nvSpPr>
        <p:spPr>
          <a:xfrm>
            <a:off x="6400799" y="1317812"/>
            <a:ext cx="5060575" cy="276999"/>
          </a:xfrm>
          <a:prstGeom prst="rect">
            <a:avLst/>
          </a:prstGeom>
          <a:noFill/>
        </p:spPr>
        <p:txBody>
          <a:bodyPr wrap="square" rtlCol="0">
            <a:spAutoFit/>
          </a:bodyPr>
          <a:lstStyle/>
          <a:p>
            <a:pPr marL="171450" indent="-171450">
              <a:buFont typeface="Arial" panose="020B0604020202020204" pitchFamily="34" charset="0"/>
              <a:buChar char="•"/>
            </a:pPr>
            <a:r>
              <a:rPr lang="en-US" sz="1200"/>
              <a:t>Disaster risk register and mitigation management tool</a:t>
            </a:r>
          </a:p>
        </p:txBody>
      </p:sp>
      <p:sp>
        <p:nvSpPr>
          <p:cNvPr id="8" name="TextBox 7">
            <a:extLst>
              <a:ext uri="{FF2B5EF4-FFF2-40B4-BE49-F238E27FC236}">
                <a16:creationId xmlns:a16="http://schemas.microsoft.com/office/drawing/2014/main" id="{854FD3E5-9B9D-3A68-571C-5EF42EAAEEAC}"/>
              </a:ext>
            </a:extLst>
          </p:cNvPr>
          <p:cNvSpPr txBox="1"/>
          <p:nvPr/>
        </p:nvSpPr>
        <p:spPr>
          <a:xfrm>
            <a:off x="6400798" y="3617955"/>
            <a:ext cx="5272218" cy="646331"/>
          </a:xfrm>
          <a:prstGeom prst="rect">
            <a:avLst/>
          </a:prstGeom>
          <a:noFill/>
        </p:spPr>
        <p:txBody>
          <a:bodyPr wrap="square" rtlCol="0">
            <a:spAutoFit/>
          </a:bodyPr>
          <a:lstStyle/>
          <a:p>
            <a:pPr marL="171450" indent="-171450">
              <a:buFont typeface="Arial" panose="020B0604020202020204" pitchFamily="34" charset="0"/>
              <a:buChar char="•"/>
            </a:pPr>
            <a:r>
              <a:rPr lang="en-US" sz="1200"/>
              <a:t>Development of workflow in the context of disaster risk management for Jail</a:t>
            </a:r>
          </a:p>
          <a:p>
            <a:pPr marL="171450" indent="-171450">
              <a:buFont typeface="Arial" panose="020B0604020202020204" pitchFamily="34" charset="0"/>
              <a:buChar char="•"/>
            </a:pPr>
            <a:r>
              <a:rPr lang="en-US" sz="1200"/>
              <a:t>Review and support in the development of disaster risk management plan</a:t>
            </a:r>
          </a:p>
          <a:p>
            <a:pPr marL="171450" indent="-171450">
              <a:buFont typeface="Arial" panose="020B0604020202020204" pitchFamily="34" charset="0"/>
              <a:buChar char="•"/>
            </a:pPr>
            <a:endParaRPr lang="en-US" sz="1200"/>
          </a:p>
        </p:txBody>
      </p:sp>
      <p:pic>
        <p:nvPicPr>
          <p:cNvPr id="1028" name="Picture 4" descr="📈🌍Integrated Approach to Disaster Risk Management:Prevent, Residual risk  Prepare, Respond, Recover - YouTube">
            <a:extLst>
              <a:ext uri="{FF2B5EF4-FFF2-40B4-BE49-F238E27FC236}">
                <a16:creationId xmlns:a16="http://schemas.microsoft.com/office/drawing/2014/main" id="{F13622E9-C635-1DBE-B0C9-DF4693700E6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554959" y="4264286"/>
            <a:ext cx="2857500" cy="16002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7499935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9113863" cy="461665"/>
          </a:xfrm>
          <a:prstGeom prst="rect">
            <a:avLst/>
          </a:prstGeom>
          <a:noFill/>
        </p:spPr>
        <p:txBody>
          <a:bodyPr wrap="square" rtlCol="0">
            <a:spAutoFit/>
          </a:bodyPr>
          <a:lstStyle/>
          <a:p>
            <a:r>
              <a:rPr lang="en-US" sz="2400" cap="all" spc="-136">
                <a:solidFill>
                  <a:schemeClr val="tx2"/>
                </a:solidFill>
              </a:rPr>
              <a:t>Optimized schedule</a:t>
            </a:r>
          </a:p>
        </p:txBody>
      </p:sp>
      <p:grpSp>
        <p:nvGrpSpPr>
          <p:cNvPr id="146" name="Group 145">
            <a:extLst>
              <a:ext uri="{FF2B5EF4-FFF2-40B4-BE49-F238E27FC236}">
                <a16:creationId xmlns:a16="http://schemas.microsoft.com/office/drawing/2014/main" id="{1E69BBEE-1215-A44C-88F1-7008DF10C745}"/>
              </a:ext>
            </a:extLst>
          </p:cNvPr>
          <p:cNvGrpSpPr/>
          <p:nvPr/>
        </p:nvGrpSpPr>
        <p:grpSpPr>
          <a:xfrm>
            <a:off x="1103870" y="2375074"/>
            <a:ext cx="10025888" cy="4158833"/>
            <a:chOff x="1027839" y="1583443"/>
            <a:chExt cx="10470143" cy="3574114"/>
          </a:xfrm>
        </p:grpSpPr>
        <p:sp>
          <p:nvSpPr>
            <p:cNvPr id="76" name="OTLSHAPE_TB_00000000000000000000000000000000_ScaleContainer">
              <a:extLst>
                <a:ext uri="{FF2B5EF4-FFF2-40B4-BE49-F238E27FC236}">
                  <a16:creationId xmlns:a16="http://schemas.microsoft.com/office/drawing/2014/main" id="{65888A9F-0688-EE6D-14A1-69A2DD38D3F9}"/>
                </a:ext>
              </a:extLst>
            </p:cNvPr>
            <p:cNvSpPr/>
            <p:nvPr>
              <p:custDataLst>
                <p:tags r:id="rId1"/>
              </p:custDataLst>
            </p:nvPr>
          </p:nvSpPr>
          <p:spPr>
            <a:xfrm>
              <a:off x="1147482" y="3867404"/>
              <a:ext cx="10350500" cy="381000"/>
            </a:xfrm>
            <a:prstGeom prst="rect">
              <a:avLst/>
            </a:prstGeom>
            <a:solidFill>
              <a:srgbClr val="54545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77" name="OTLSHAPE_TB_00000000000000000000000000000000_TimescaleInterval1">
              <a:extLst>
                <a:ext uri="{FF2B5EF4-FFF2-40B4-BE49-F238E27FC236}">
                  <a16:creationId xmlns:a16="http://schemas.microsoft.com/office/drawing/2014/main" id="{5997A634-4ACC-865C-2EB8-36A3E788C40C}"/>
                </a:ext>
              </a:extLst>
            </p:cNvPr>
            <p:cNvSpPr txBox="1"/>
            <p:nvPr>
              <p:custDataLst>
                <p:tags r:id="rId2"/>
              </p:custDataLst>
            </p:nvPr>
          </p:nvSpPr>
          <p:spPr>
            <a:xfrm>
              <a:off x="1210982" y="3984879"/>
              <a:ext cx="333425" cy="146050"/>
            </a:xfrm>
            <a:prstGeom prst="rect">
              <a:avLst/>
            </a:prstGeom>
            <a:noFill/>
          </p:spPr>
          <p:txBody>
            <a:bodyPr vert="horz" wrap="none" lIns="0" tIns="0" rIns="0" bIns="0" rtlCol="0" anchor="ctr" anchorCtr="0">
              <a:noAutofit/>
            </a:bodyPr>
            <a:lstStyle/>
            <a:p>
              <a:r>
                <a:rPr lang="en-GB" sz="700" spc="-12">
                  <a:solidFill>
                    <a:schemeClr val="lt1"/>
                  </a:solidFill>
                  <a:latin typeface="Arial" panose="020B0604020202020204" pitchFamily="34" charset="0"/>
                </a:rPr>
                <a:t>March</a:t>
              </a:r>
            </a:p>
          </p:txBody>
        </p:sp>
        <p:sp>
          <p:nvSpPr>
            <p:cNvPr id="78" name="OTLSHAPE_TB_00000000000000000000000000000000_TimescaleInterval2">
              <a:extLst>
                <a:ext uri="{FF2B5EF4-FFF2-40B4-BE49-F238E27FC236}">
                  <a16:creationId xmlns:a16="http://schemas.microsoft.com/office/drawing/2014/main" id="{29E22350-4B10-7E2D-4CB2-89FAFA1DFC76}"/>
                </a:ext>
              </a:extLst>
            </p:cNvPr>
            <p:cNvSpPr txBox="1"/>
            <p:nvPr>
              <p:custDataLst>
                <p:tags r:id="rId3"/>
              </p:custDataLst>
            </p:nvPr>
          </p:nvSpPr>
          <p:spPr>
            <a:xfrm>
              <a:off x="2689263" y="3984879"/>
              <a:ext cx="67711" cy="146050"/>
            </a:xfrm>
            <a:prstGeom prst="rect">
              <a:avLst/>
            </a:prstGeom>
            <a:noFill/>
          </p:spPr>
          <p:txBody>
            <a:bodyPr vert="horz" wrap="none" lIns="0" tIns="0" rIns="0" bIns="0" rtlCol="0" anchor="ctr" anchorCtr="0">
              <a:noAutofit/>
            </a:bodyPr>
            <a:lstStyle/>
            <a:p>
              <a:r>
                <a:rPr lang="en-GB" sz="700" spc="-36">
                  <a:solidFill>
                    <a:schemeClr val="lt1"/>
                  </a:solidFill>
                  <a:latin typeface="Arial" panose="020B0604020202020204" pitchFamily="34" charset="0"/>
                </a:rPr>
                <a:t>April</a:t>
              </a:r>
            </a:p>
          </p:txBody>
        </p:sp>
        <p:sp>
          <p:nvSpPr>
            <p:cNvPr id="79" name="OTLSHAPE_TB_00000000000000000000000000000000_TimescaleInterval3">
              <a:extLst>
                <a:ext uri="{FF2B5EF4-FFF2-40B4-BE49-F238E27FC236}">
                  <a16:creationId xmlns:a16="http://schemas.microsoft.com/office/drawing/2014/main" id="{AC355441-5F1D-0C28-ACE1-0FD237C4FADF}"/>
                </a:ext>
              </a:extLst>
            </p:cNvPr>
            <p:cNvSpPr txBox="1"/>
            <p:nvPr>
              <p:custDataLst>
                <p:tags r:id="rId4"/>
              </p:custDataLst>
            </p:nvPr>
          </p:nvSpPr>
          <p:spPr>
            <a:xfrm>
              <a:off x="4167543" y="3984879"/>
              <a:ext cx="135422" cy="146050"/>
            </a:xfrm>
            <a:prstGeom prst="rect">
              <a:avLst/>
            </a:prstGeom>
            <a:noFill/>
          </p:spPr>
          <p:txBody>
            <a:bodyPr vert="horz" wrap="none" lIns="0" tIns="0" rIns="0" bIns="0" rtlCol="0" anchor="ctr" anchorCtr="0">
              <a:noAutofit/>
            </a:bodyPr>
            <a:lstStyle/>
            <a:p>
              <a:r>
                <a:rPr lang="en-GB" sz="700" spc="-36">
                  <a:solidFill>
                    <a:schemeClr val="lt1"/>
                  </a:solidFill>
                  <a:latin typeface="Arial" panose="020B0604020202020204" pitchFamily="34" charset="0"/>
                </a:rPr>
                <a:t>May</a:t>
              </a:r>
            </a:p>
          </p:txBody>
        </p:sp>
        <p:sp>
          <p:nvSpPr>
            <p:cNvPr id="80" name="OTLSHAPE_TB_00000000000000000000000000000000_TimescaleInterval4">
              <a:extLst>
                <a:ext uri="{FF2B5EF4-FFF2-40B4-BE49-F238E27FC236}">
                  <a16:creationId xmlns:a16="http://schemas.microsoft.com/office/drawing/2014/main" id="{2FA916F6-9F02-7EF1-12A4-625E2B5AE71C}"/>
                </a:ext>
              </a:extLst>
            </p:cNvPr>
            <p:cNvSpPr txBox="1"/>
            <p:nvPr>
              <p:custDataLst>
                <p:tags r:id="rId5"/>
              </p:custDataLst>
            </p:nvPr>
          </p:nvSpPr>
          <p:spPr>
            <a:xfrm>
              <a:off x="5645823" y="3984879"/>
              <a:ext cx="135422" cy="146050"/>
            </a:xfrm>
            <a:prstGeom prst="rect">
              <a:avLst/>
            </a:prstGeom>
            <a:noFill/>
          </p:spPr>
          <p:txBody>
            <a:bodyPr vert="horz" wrap="none" lIns="0" tIns="0" rIns="0" bIns="0" rtlCol="0" anchor="ctr" anchorCtr="0">
              <a:noAutofit/>
            </a:bodyPr>
            <a:lstStyle/>
            <a:p>
              <a:r>
                <a:rPr lang="en-GB" sz="700" spc="-22">
                  <a:solidFill>
                    <a:schemeClr val="lt1"/>
                  </a:solidFill>
                  <a:latin typeface="Arial" panose="020B0604020202020204" pitchFamily="34" charset="0"/>
                </a:rPr>
                <a:t>June</a:t>
              </a:r>
            </a:p>
          </p:txBody>
        </p:sp>
        <p:sp>
          <p:nvSpPr>
            <p:cNvPr id="81" name="OTLSHAPE_TB_00000000000000000000000000000000_TimescaleInterval5">
              <a:extLst>
                <a:ext uri="{FF2B5EF4-FFF2-40B4-BE49-F238E27FC236}">
                  <a16:creationId xmlns:a16="http://schemas.microsoft.com/office/drawing/2014/main" id="{036E5D37-7857-0664-37AE-58F3E2364B39}"/>
                </a:ext>
              </a:extLst>
            </p:cNvPr>
            <p:cNvSpPr txBox="1"/>
            <p:nvPr>
              <p:custDataLst>
                <p:tags r:id="rId6"/>
              </p:custDataLst>
            </p:nvPr>
          </p:nvSpPr>
          <p:spPr>
            <a:xfrm>
              <a:off x="7124104" y="3984879"/>
              <a:ext cx="135422" cy="146050"/>
            </a:xfrm>
            <a:prstGeom prst="rect">
              <a:avLst/>
            </a:prstGeom>
            <a:noFill/>
          </p:spPr>
          <p:txBody>
            <a:bodyPr vert="horz" wrap="none" lIns="0" tIns="0" rIns="0" bIns="0" rtlCol="0" anchor="ctr" anchorCtr="0">
              <a:noAutofit/>
            </a:bodyPr>
            <a:lstStyle/>
            <a:p>
              <a:r>
                <a:rPr lang="en-GB" sz="700" spc="-22">
                  <a:solidFill>
                    <a:schemeClr val="lt1"/>
                  </a:solidFill>
                  <a:latin typeface="Arial" panose="020B0604020202020204" pitchFamily="34" charset="0"/>
                </a:rPr>
                <a:t>July</a:t>
              </a:r>
            </a:p>
          </p:txBody>
        </p:sp>
        <p:sp>
          <p:nvSpPr>
            <p:cNvPr id="82" name="OTLSHAPE_TB_00000000000000000000000000000000_TimescaleInterval6">
              <a:extLst>
                <a:ext uri="{FF2B5EF4-FFF2-40B4-BE49-F238E27FC236}">
                  <a16:creationId xmlns:a16="http://schemas.microsoft.com/office/drawing/2014/main" id="{BC3BEC23-984A-4069-407C-55807519964B}"/>
                </a:ext>
              </a:extLst>
            </p:cNvPr>
            <p:cNvSpPr txBox="1"/>
            <p:nvPr>
              <p:custDataLst>
                <p:tags r:id="rId7"/>
              </p:custDataLst>
            </p:nvPr>
          </p:nvSpPr>
          <p:spPr>
            <a:xfrm>
              <a:off x="8602385" y="3984879"/>
              <a:ext cx="135422" cy="146050"/>
            </a:xfrm>
            <a:prstGeom prst="rect">
              <a:avLst/>
            </a:prstGeom>
            <a:noFill/>
          </p:spPr>
          <p:txBody>
            <a:bodyPr vert="horz" wrap="none" lIns="0" tIns="0" rIns="0" bIns="0" rtlCol="0" anchor="ctr" anchorCtr="0">
              <a:noAutofit/>
            </a:bodyPr>
            <a:lstStyle/>
            <a:p>
              <a:r>
                <a:rPr lang="en-GB" sz="700" spc="-22">
                  <a:solidFill>
                    <a:schemeClr val="lt1"/>
                  </a:solidFill>
                  <a:latin typeface="Arial" panose="020B0604020202020204" pitchFamily="34" charset="0"/>
                </a:rPr>
                <a:t>August</a:t>
              </a:r>
            </a:p>
          </p:txBody>
        </p:sp>
        <p:sp>
          <p:nvSpPr>
            <p:cNvPr id="83" name="OTLSHAPE_TB_00000000000000000000000000000000_TimescaleInterval7">
              <a:extLst>
                <a:ext uri="{FF2B5EF4-FFF2-40B4-BE49-F238E27FC236}">
                  <a16:creationId xmlns:a16="http://schemas.microsoft.com/office/drawing/2014/main" id="{DBE5FEF9-6DF0-D48F-8D33-D034E71354A1}"/>
                </a:ext>
              </a:extLst>
            </p:cNvPr>
            <p:cNvSpPr txBox="1"/>
            <p:nvPr>
              <p:custDataLst>
                <p:tags r:id="rId8"/>
              </p:custDataLst>
            </p:nvPr>
          </p:nvSpPr>
          <p:spPr>
            <a:xfrm>
              <a:off x="10080665" y="3984879"/>
              <a:ext cx="135422" cy="146050"/>
            </a:xfrm>
            <a:prstGeom prst="rect">
              <a:avLst/>
            </a:prstGeom>
            <a:noFill/>
          </p:spPr>
          <p:txBody>
            <a:bodyPr vert="horz" wrap="none" lIns="0" tIns="0" rIns="0" bIns="0" rtlCol="0" anchor="ctr" anchorCtr="0">
              <a:noAutofit/>
            </a:bodyPr>
            <a:lstStyle/>
            <a:p>
              <a:r>
                <a:rPr lang="en-GB" sz="700" spc="-22">
                  <a:solidFill>
                    <a:schemeClr val="lt1"/>
                  </a:solidFill>
                  <a:latin typeface="Arial" panose="020B0604020202020204" pitchFamily="34" charset="0"/>
                </a:rPr>
                <a:t>September</a:t>
              </a:r>
            </a:p>
          </p:txBody>
        </p:sp>
        <p:cxnSp>
          <p:nvCxnSpPr>
            <p:cNvPr id="84" name="OTLSHAPE_TB_00000000000000000000000000000000_Separator1">
              <a:extLst>
                <a:ext uri="{FF2B5EF4-FFF2-40B4-BE49-F238E27FC236}">
                  <a16:creationId xmlns:a16="http://schemas.microsoft.com/office/drawing/2014/main" id="{524A8742-D381-B563-F85B-2E9F0A7D71FC}"/>
                </a:ext>
              </a:extLst>
            </p:cNvPr>
            <p:cNvCxnSpPr/>
            <p:nvPr>
              <p:custDataLst>
                <p:tags r:id="rId9"/>
              </p:custDataLst>
            </p:nvPr>
          </p:nvCxnSpPr>
          <p:spPr>
            <a:xfrm>
              <a:off x="2625759" y="393090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5" name="OTLSHAPE_TB_00000000000000000000000000000000_Separator2">
              <a:extLst>
                <a:ext uri="{FF2B5EF4-FFF2-40B4-BE49-F238E27FC236}">
                  <a16:creationId xmlns:a16="http://schemas.microsoft.com/office/drawing/2014/main" id="{27FB8159-B1C4-7B0C-C5E3-922E4B4B617C}"/>
                </a:ext>
              </a:extLst>
            </p:cNvPr>
            <p:cNvCxnSpPr/>
            <p:nvPr>
              <p:custDataLst>
                <p:tags r:id="rId10"/>
              </p:custDataLst>
            </p:nvPr>
          </p:nvCxnSpPr>
          <p:spPr>
            <a:xfrm>
              <a:off x="4104040" y="393090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6" name="OTLSHAPE_TB_00000000000000000000000000000000_Separator3">
              <a:extLst>
                <a:ext uri="{FF2B5EF4-FFF2-40B4-BE49-F238E27FC236}">
                  <a16:creationId xmlns:a16="http://schemas.microsoft.com/office/drawing/2014/main" id="{11A756AB-1C9E-3E01-8502-8E30519D9AA7}"/>
                </a:ext>
              </a:extLst>
            </p:cNvPr>
            <p:cNvCxnSpPr/>
            <p:nvPr>
              <p:custDataLst>
                <p:tags r:id="rId11"/>
              </p:custDataLst>
            </p:nvPr>
          </p:nvCxnSpPr>
          <p:spPr>
            <a:xfrm>
              <a:off x="5582320" y="393090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 name="OTLSHAPE_TB_00000000000000000000000000000000_Separator4">
              <a:extLst>
                <a:ext uri="{FF2B5EF4-FFF2-40B4-BE49-F238E27FC236}">
                  <a16:creationId xmlns:a16="http://schemas.microsoft.com/office/drawing/2014/main" id="{3FF7AE3A-C444-98ED-B353-37DABF8C9ABD}"/>
                </a:ext>
              </a:extLst>
            </p:cNvPr>
            <p:cNvCxnSpPr/>
            <p:nvPr>
              <p:custDataLst>
                <p:tags r:id="rId12"/>
              </p:custDataLst>
            </p:nvPr>
          </p:nvCxnSpPr>
          <p:spPr>
            <a:xfrm>
              <a:off x="7060601" y="393090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 name="OTLSHAPE_TB_00000000000000000000000000000000_Separator5">
              <a:extLst>
                <a:ext uri="{FF2B5EF4-FFF2-40B4-BE49-F238E27FC236}">
                  <a16:creationId xmlns:a16="http://schemas.microsoft.com/office/drawing/2014/main" id="{F1FFDBA6-2C6E-9B3C-E51F-942BF3BA6FB7}"/>
                </a:ext>
              </a:extLst>
            </p:cNvPr>
            <p:cNvCxnSpPr/>
            <p:nvPr>
              <p:custDataLst>
                <p:tags r:id="rId13"/>
              </p:custDataLst>
            </p:nvPr>
          </p:nvCxnSpPr>
          <p:spPr>
            <a:xfrm>
              <a:off x="8538881" y="393090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9" name="OTLSHAPE_TB_00000000000000000000000000000000_Separator6">
              <a:extLst>
                <a:ext uri="{FF2B5EF4-FFF2-40B4-BE49-F238E27FC236}">
                  <a16:creationId xmlns:a16="http://schemas.microsoft.com/office/drawing/2014/main" id="{622D4921-80ED-FB16-3D09-952AFB7107E3}"/>
                </a:ext>
              </a:extLst>
            </p:cNvPr>
            <p:cNvCxnSpPr/>
            <p:nvPr>
              <p:custDataLst>
                <p:tags r:id="rId14"/>
              </p:custDataLst>
            </p:nvPr>
          </p:nvCxnSpPr>
          <p:spPr>
            <a:xfrm>
              <a:off x="10017161" y="393090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 name="OTLSHAPE_T_edb71d10d1234d39bfb6f11e38aee3fe_Shape">
              <a:extLst>
                <a:ext uri="{FF2B5EF4-FFF2-40B4-BE49-F238E27FC236}">
                  <a16:creationId xmlns:a16="http://schemas.microsoft.com/office/drawing/2014/main" id="{0CE34CBB-BCAD-ED75-806A-4AAC9C566BD5}"/>
                </a:ext>
              </a:extLst>
            </p:cNvPr>
            <p:cNvSpPr/>
            <p:nvPr>
              <p:custDataLst>
                <p:tags r:id="rId15"/>
              </p:custDataLst>
            </p:nvPr>
          </p:nvSpPr>
          <p:spPr>
            <a:xfrm>
              <a:off x="1443137" y="1587119"/>
              <a:ext cx="5037837" cy="185102"/>
            </a:xfrm>
            <a:prstGeom prst="homePlate">
              <a:avLst/>
            </a:prstGeom>
            <a:solidFill>
              <a:srgbClr val="69747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91" name="OTLSHAPE_T_99dcb97e9b6f478baa3303dc30b94a07_Shape">
              <a:extLst>
                <a:ext uri="{FF2B5EF4-FFF2-40B4-BE49-F238E27FC236}">
                  <a16:creationId xmlns:a16="http://schemas.microsoft.com/office/drawing/2014/main" id="{D1DC94C8-CC02-162C-34A9-5FE01EDD294F}"/>
                </a:ext>
              </a:extLst>
            </p:cNvPr>
            <p:cNvSpPr/>
            <p:nvPr>
              <p:custDataLst>
                <p:tags r:id="rId16"/>
              </p:custDataLst>
            </p:nvPr>
          </p:nvSpPr>
          <p:spPr>
            <a:xfrm>
              <a:off x="2039785" y="1803019"/>
              <a:ext cx="2286638" cy="201572"/>
            </a:xfrm>
            <a:prstGeom prst="homePlate">
              <a:avLst/>
            </a:prstGeom>
            <a:solidFill>
              <a:srgbClr val="6BAA7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92" name="OTLSHAPE_T_3486ce9c27ce42aaaadd8c35e708922c_Shape">
              <a:extLst>
                <a:ext uri="{FF2B5EF4-FFF2-40B4-BE49-F238E27FC236}">
                  <a16:creationId xmlns:a16="http://schemas.microsoft.com/office/drawing/2014/main" id="{19AAC21D-0653-697C-0ACE-D7B77EB5F8EF}"/>
                </a:ext>
              </a:extLst>
            </p:cNvPr>
            <p:cNvSpPr/>
            <p:nvPr>
              <p:custDataLst>
                <p:tags r:id="rId17"/>
              </p:custDataLst>
            </p:nvPr>
          </p:nvSpPr>
          <p:spPr>
            <a:xfrm>
              <a:off x="2034450" y="2018919"/>
              <a:ext cx="8280000" cy="177800"/>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93" name="OTLSHAPE_T_cfa793d83b304b80bbf2d7ef04fc1c19_Shape">
              <a:extLst>
                <a:ext uri="{FF2B5EF4-FFF2-40B4-BE49-F238E27FC236}">
                  <a16:creationId xmlns:a16="http://schemas.microsoft.com/office/drawing/2014/main" id="{EE207625-5E48-8416-7732-89FD66142B5B}"/>
                </a:ext>
              </a:extLst>
            </p:cNvPr>
            <p:cNvSpPr/>
            <p:nvPr>
              <p:custDataLst>
                <p:tags r:id="rId18"/>
              </p:custDataLst>
            </p:nvPr>
          </p:nvSpPr>
          <p:spPr>
            <a:xfrm>
              <a:off x="2040208" y="2234819"/>
              <a:ext cx="1980000" cy="177800"/>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94" name="OTLSHAPE_T_aa1b4c6ea4be49c1a2b31bf813ede9f0_Shape">
              <a:extLst>
                <a:ext uri="{FF2B5EF4-FFF2-40B4-BE49-F238E27FC236}">
                  <a16:creationId xmlns:a16="http://schemas.microsoft.com/office/drawing/2014/main" id="{3F30C11B-ED96-F4C5-FC27-FABA11D595F3}"/>
                </a:ext>
              </a:extLst>
            </p:cNvPr>
            <p:cNvSpPr/>
            <p:nvPr>
              <p:custDataLst>
                <p:tags r:id="rId19"/>
              </p:custDataLst>
            </p:nvPr>
          </p:nvSpPr>
          <p:spPr>
            <a:xfrm>
              <a:off x="4009554" y="2450719"/>
              <a:ext cx="1908000" cy="177800"/>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95" name="OTLSHAPE_T_1909b907888b4bd6a59bc0d1be235604_Shape">
              <a:extLst>
                <a:ext uri="{FF2B5EF4-FFF2-40B4-BE49-F238E27FC236}">
                  <a16:creationId xmlns:a16="http://schemas.microsoft.com/office/drawing/2014/main" id="{50832C4C-AF0B-C412-D249-27A6DC4B6C18}"/>
                </a:ext>
              </a:extLst>
            </p:cNvPr>
            <p:cNvSpPr/>
            <p:nvPr>
              <p:custDataLst>
                <p:tags r:id="rId20"/>
              </p:custDataLst>
            </p:nvPr>
          </p:nvSpPr>
          <p:spPr>
            <a:xfrm>
              <a:off x="5917603" y="2666619"/>
              <a:ext cx="2959100" cy="177800"/>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96" name="OTLSHAPE_T_f60512e163ee4271ab793206700964c7_Shape">
              <a:extLst>
                <a:ext uri="{FF2B5EF4-FFF2-40B4-BE49-F238E27FC236}">
                  <a16:creationId xmlns:a16="http://schemas.microsoft.com/office/drawing/2014/main" id="{BD4CCDC4-5344-763F-0756-AB3A66425D08}"/>
                </a:ext>
              </a:extLst>
            </p:cNvPr>
            <p:cNvSpPr/>
            <p:nvPr>
              <p:custDataLst>
                <p:tags r:id="rId21"/>
              </p:custDataLst>
            </p:nvPr>
          </p:nvSpPr>
          <p:spPr>
            <a:xfrm>
              <a:off x="7211479" y="2882519"/>
              <a:ext cx="2168992" cy="177800"/>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97" name="OTLSHAPE_T_46e30c646be5446391b6755afc2df59e_Shape">
              <a:extLst>
                <a:ext uri="{FF2B5EF4-FFF2-40B4-BE49-F238E27FC236}">
                  <a16:creationId xmlns:a16="http://schemas.microsoft.com/office/drawing/2014/main" id="{81ABFE63-93C9-50FD-B81E-209EBA75F145}"/>
                </a:ext>
              </a:extLst>
            </p:cNvPr>
            <p:cNvSpPr/>
            <p:nvPr>
              <p:custDataLst>
                <p:tags r:id="rId22"/>
              </p:custDataLst>
            </p:nvPr>
          </p:nvSpPr>
          <p:spPr>
            <a:xfrm>
              <a:off x="8534312" y="3098419"/>
              <a:ext cx="1778000" cy="177800"/>
            </a:xfrm>
            <a:prstGeom prst="homePlate">
              <a:avLst/>
            </a:prstGeom>
            <a:solidFill>
              <a:srgbClr val="AA6BA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98" name="OTLSHAPE_T_edb71d10d1234d39bfb6f11e38aee3fe_Duration">
              <a:extLst>
                <a:ext uri="{FF2B5EF4-FFF2-40B4-BE49-F238E27FC236}">
                  <a16:creationId xmlns:a16="http://schemas.microsoft.com/office/drawing/2014/main" id="{891AE534-C76F-999C-A22E-04B06ED1AC6D}"/>
                </a:ext>
              </a:extLst>
            </p:cNvPr>
            <p:cNvSpPr txBox="1"/>
            <p:nvPr>
              <p:custDataLst>
                <p:tags r:id="rId23"/>
              </p:custDataLst>
            </p:nvPr>
          </p:nvSpPr>
          <p:spPr>
            <a:xfrm>
              <a:off x="1092957" y="1583443"/>
              <a:ext cx="304800" cy="185153"/>
            </a:xfrm>
            <a:prstGeom prst="rect">
              <a:avLst/>
            </a:prstGeom>
            <a:noFill/>
          </p:spPr>
          <p:txBody>
            <a:bodyPr vert="horz" wrap="square" lIns="0" tIns="0" rIns="0" bIns="0" rtlCol="0" anchor="ctr" anchorCtr="0">
              <a:spAutoFit/>
            </a:bodyPr>
            <a:lstStyle/>
            <a:p>
              <a:r>
                <a:rPr lang="en-GB" sz="700" spc="-8">
                  <a:solidFill>
                    <a:srgbClr val="737373"/>
                  </a:solidFill>
                  <a:latin typeface="Arial" panose="020B0604020202020204" pitchFamily="34" charset="0"/>
                </a:rPr>
                <a:t>6</a:t>
              </a:r>
              <a:r>
                <a:rPr lang="en-GB" sz="700" spc="-8" baseline="30000">
                  <a:solidFill>
                    <a:srgbClr val="737373"/>
                  </a:solidFill>
                  <a:latin typeface="Arial" panose="020B0604020202020204" pitchFamily="34" charset="0"/>
                </a:rPr>
                <a:t>th</a:t>
              </a:r>
              <a:r>
                <a:rPr lang="en-GB" sz="700" spc="-8">
                  <a:solidFill>
                    <a:srgbClr val="737373"/>
                  </a:solidFill>
                  <a:latin typeface="Arial" panose="020B0604020202020204" pitchFamily="34" charset="0"/>
                </a:rPr>
                <a:t> March</a:t>
              </a:r>
            </a:p>
          </p:txBody>
        </p:sp>
        <p:sp>
          <p:nvSpPr>
            <p:cNvPr id="99" name="OTLSHAPE_T_edb71d10d1234d39bfb6f11e38aee3fe_Title">
              <a:extLst>
                <a:ext uri="{FF2B5EF4-FFF2-40B4-BE49-F238E27FC236}">
                  <a16:creationId xmlns:a16="http://schemas.microsoft.com/office/drawing/2014/main" id="{C64C8145-0A11-808B-1347-EA22BEA4B323}"/>
                </a:ext>
              </a:extLst>
            </p:cNvPr>
            <p:cNvSpPr txBox="1"/>
            <p:nvPr>
              <p:custDataLst>
                <p:tags r:id="rId24"/>
              </p:custDataLst>
            </p:nvPr>
          </p:nvSpPr>
          <p:spPr>
            <a:xfrm>
              <a:off x="2972013" y="1629730"/>
              <a:ext cx="1193800" cy="92577"/>
            </a:xfrm>
            <a:prstGeom prst="rect">
              <a:avLst/>
            </a:prstGeom>
            <a:noFill/>
          </p:spPr>
          <p:txBody>
            <a:bodyPr vert="horz" wrap="square" lIns="0" tIns="0" rIns="0" bIns="0" rtlCol="0" anchor="ctr" anchorCtr="0">
              <a:spAutoFit/>
            </a:bodyPr>
            <a:lstStyle/>
            <a:p>
              <a:r>
                <a:rPr lang="en-GB" sz="700" b="1" spc="-2">
                  <a:solidFill>
                    <a:schemeClr val="dk1"/>
                  </a:solidFill>
                  <a:latin typeface="Arial" panose="020B0604020202020204" pitchFamily="34" charset="0"/>
                </a:rPr>
                <a:t>INCEPTION PHASE</a:t>
              </a:r>
            </a:p>
          </p:txBody>
        </p:sp>
        <p:sp>
          <p:nvSpPr>
            <p:cNvPr id="100" name="OTLSHAPE_T_99dcb97e9b6f478baa3303dc30b94a07_Duration">
              <a:extLst>
                <a:ext uri="{FF2B5EF4-FFF2-40B4-BE49-F238E27FC236}">
                  <a16:creationId xmlns:a16="http://schemas.microsoft.com/office/drawing/2014/main" id="{7DF4C30D-C3F6-A70B-4A62-CAB3BC1516CD}"/>
                </a:ext>
              </a:extLst>
            </p:cNvPr>
            <p:cNvSpPr txBox="1"/>
            <p:nvPr>
              <p:custDataLst>
                <p:tags r:id="rId25"/>
              </p:custDataLst>
            </p:nvPr>
          </p:nvSpPr>
          <p:spPr>
            <a:xfrm>
              <a:off x="1701878" y="1799342"/>
              <a:ext cx="304800" cy="185153"/>
            </a:xfrm>
            <a:prstGeom prst="rect">
              <a:avLst/>
            </a:prstGeom>
            <a:noFill/>
          </p:spPr>
          <p:txBody>
            <a:bodyPr vert="horz" wrap="square" lIns="0" tIns="0" rIns="0" bIns="0" rtlCol="0" anchor="ctr" anchorCtr="0">
              <a:spAutoFit/>
            </a:bodyPr>
            <a:lstStyle/>
            <a:p>
              <a:r>
                <a:rPr lang="en-GB" sz="700" spc="-8">
                  <a:solidFill>
                    <a:srgbClr val="737373"/>
                  </a:solidFill>
                  <a:latin typeface="Arial" panose="020B0604020202020204" pitchFamily="34" charset="0"/>
                </a:rPr>
                <a:t>14</a:t>
              </a:r>
              <a:r>
                <a:rPr lang="en-GB" sz="700" spc="-8" baseline="30000">
                  <a:solidFill>
                    <a:srgbClr val="737373"/>
                  </a:solidFill>
                  <a:latin typeface="Arial" panose="020B0604020202020204" pitchFamily="34" charset="0"/>
                </a:rPr>
                <a:t>th</a:t>
              </a:r>
              <a:r>
                <a:rPr lang="en-GB" sz="700" spc="-8">
                  <a:solidFill>
                    <a:srgbClr val="737373"/>
                  </a:solidFill>
                  <a:latin typeface="Arial" panose="020B0604020202020204" pitchFamily="34" charset="0"/>
                </a:rPr>
                <a:t> March</a:t>
              </a:r>
            </a:p>
          </p:txBody>
        </p:sp>
        <p:sp>
          <p:nvSpPr>
            <p:cNvPr id="101" name="OTLSHAPE_T_99dcb97e9b6f478baa3303dc30b94a07_Title">
              <a:extLst>
                <a:ext uri="{FF2B5EF4-FFF2-40B4-BE49-F238E27FC236}">
                  <a16:creationId xmlns:a16="http://schemas.microsoft.com/office/drawing/2014/main" id="{BB1ECF6D-367E-D017-04C1-A2FB0EE9A14D}"/>
                </a:ext>
              </a:extLst>
            </p:cNvPr>
            <p:cNvSpPr txBox="1"/>
            <p:nvPr>
              <p:custDataLst>
                <p:tags r:id="rId26"/>
              </p:custDataLst>
            </p:nvPr>
          </p:nvSpPr>
          <p:spPr>
            <a:xfrm>
              <a:off x="2770416" y="1845631"/>
              <a:ext cx="1003300" cy="92577"/>
            </a:xfrm>
            <a:prstGeom prst="rect">
              <a:avLst/>
            </a:prstGeom>
            <a:noFill/>
          </p:spPr>
          <p:txBody>
            <a:bodyPr vert="horz" wrap="square" lIns="0" tIns="0" rIns="0" bIns="0" rtlCol="0" anchor="ctr" anchorCtr="0">
              <a:spAutoFit/>
            </a:bodyPr>
            <a:lstStyle/>
            <a:p>
              <a:r>
                <a:rPr lang="en-GB" sz="700" b="1" spc="-4">
                  <a:solidFill>
                    <a:schemeClr val="dk1"/>
                  </a:solidFill>
                  <a:latin typeface="Arial" panose="020B0604020202020204" pitchFamily="34" charset="0"/>
                </a:rPr>
                <a:t>PHASE 1</a:t>
              </a:r>
            </a:p>
          </p:txBody>
        </p:sp>
        <p:sp>
          <p:nvSpPr>
            <p:cNvPr id="102" name="OTLSHAPE_T_3486ce9c27ce42aaaadd8c35e708922c_Duration">
              <a:extLst>
                <a:ext uri="{FF2B5EF4-FFF2-40B4-BE49-F238E27FC236}">
                  <a16:creationId xmlns:a16="http://schemas.microsoft.com/office/drawing/2014/main" id="{F2BD6400-E6FE-A63C-AA24-80FF1FB32379}"/>
                </a:ext>
              </a:extLst>
            </p:cNvPr>
            <p:cNvSpPr txBox="1"/>
            <p:nvPr>
              <p:custDataLst>
                <p:tags r:id="rId27"/>
              </p:custDataLst>
            </p:nvPr>
          </p:nvSpPr>
          <p:spPr>
            <a:xfrm>
              <a:off x="1684269" y="2015243"/>
              <a:ext cx="304800" cy="185153"/>
            </a:xfrm>
            <a:prstGeom prst="rect">
              <a:avLst/>
            </a:prstGeom>
            <a:noFill/>
          </p:spPr>
          <p:txBody>
            <a:bodyPr vert="horz" wrap="square" lIns="0" tIns="0" rIns="0" bIns="0" rtlCol="0" anchor="ctr" anchorCtr="0">
              <a:spAutoFit/>
            </a:bodyPr>
            <a:lstStyle/>
            <a:p>
              <a:r>
                <a:rPr lang="en-GB" sz="700" spc="-8">
                  <a:solidFill>
                    <a:srgbClr val="737373"/>
                  </a:solidFill>
                  <a:latin typeface="Arial" panose="020B0604020202020204" pitchFamily="34" charset="0"/>
                </a:rPr>
                <a:t>14</a:t>
              </a:r>
              <a:r>
                <a:rPr lang="en-GB" sz="700" spc="-8" baseline="30000">
                  <a:solidFill>
                    <a:srgbClr val="737373"/>
                  </a:solidFill>
                  <a:latin typeface="Arial" panose="020B0604020202020204" pitchFamily="34" charset="0"/>
                </a:rPr>
                <a:t>th</a:t>
              </a:r>
              <a:r>
                <a:rPr lang="en-GB" sz="700" spc="-8">
                  <a:solidFill>
                    <a:srgbClr val="737373"/>
                  </a:solidFill>
                  <a:latin typeface="Arial" panose="020B0604020202020204" pitchFamily="34" charset="0"/>
                </a:rPr>
                <a:t> March</a:t>
              </a:r>
            </a:p>
          </p:txBody>
        </p:sp>
        <p:sp>
          <p:nvSpPr>
            <p:cNvPr id="103" name="OTLSHAPE_T_3486ce9c27ce42aaaadd8c35e708922c_Title">
              <a:extLst>
                <a:ext uri="{FF2B5EF4-FFF2-40B4-BE49-F238E27FC236}">
                  <a16:creationId xmlns:a16="http://schemas.microsoft.com/office/drawing/2014/main" id="{01F7F4A6-97D9-6158-5A9D-8B751E04EEAC}"/>
                </a:ext>
              </a:extLst>
            </p:cNvPr>
            <p:cNvSpPr txBox="1"/>
            <p:nvPr>
              <p:custDataLst>
                <p:tags r:id="rId28"/>
              </p:custDataLst>
            </p:nvPr>
          </p:nvSpPr>
          <p:spPr>
            <a:xfrm>
              <a:off x="5390778" y="2061531"/>
              <a:ext cx="1054100" cy="92577"/>
            </a:xfrm>
            <a:prstGeom prst="rect">
              <a:avLst/>
            </a:prstGeom>
            <a:noFill/>
          </p:spPr>
          <p:txBody>
            <a:bodyPr vert="horz" wrap="square" lIns="0" tIns="0" rIns="0" bIns="0" rtlCol="0" anchor="ctr" anchorCtr="0">
              <a:spAutoFit/>
            </a:bodyPr>
            <a:lstStyle/>
            <a:p>
              <a:r>
                <a:rPr lang="en-GB" sz="700" b="1" spc="-4">
                  <a:solidFill>
                    <a:schemeClr val="dk1"/>
                  </a:solidFill>
                  <a:latin typeface="Arial" panose="020B0604020202020204" pitchFamily="34" charset="0"/>
                </a:rPr>
                <a:t>PHASE 2</a:t>
              </a:r>
            </a:p>
          </p:txBody>
        </p:sp>
        <p:sp>
          <p:nvSpPr>
            <p:cNvPr id="105" name="OTLSHAPE_T_cfa793d83b304b80bbf2d7ef04fc1c19_Title">
              <a:extLst>
                <a:ext uri="{FF2B5EF4-FFF2-40B4-BE49-F238E27FC236}">
                  <a16:creationId xmlns:a16="http://schemas.microsoft.com/office/drawing/2014/main" id="{D54E5F6D-1119-0F81-C57C-929A5B1E93E9}"/>
                </a:ext>
              </a:extLst>
            </p:cNvPr>
            <p:cNvSpPr txBox="1"/>
            <p:nvPr>
              <p:custDataLst>
                <p:tags r:id="rId29"/>
              </p:custDataLst>
            </p:nvPr>
          </p:nvSpPr>
          <p:spPr>
            <a:xfrm>
              <a:off x="2260814" y="2277430"/>
              <a:ext cx="1874216" cy="92577"/>
            </a:xfrm>
            <a:prstGeom prst="rect">
              <a:avLst/>
            </a:prstGeom>
            <a:noFill/>
          </p:spPr>
          <p:txBody>
            <a:bodyPr vert="horz" wrap="square" lIns="0" tIns="0" rIns="0" bIns="0" rtlCol="0" anchor="ctr" anchorCtr="0">
              <a:spAutoFit/>
            </a:bodyPr>
            <a:lstStyle/>
            <a:p>
              <a:r>
                <a:rPr lang="en-GB" sz="700" spc="-4">
                  <a:solidFill>
                    <a:schemeClr val="dk1"/>
                  </a:solidFill>
                  <a:latin typeface="Arial" panose="020B0604020202020204" pitchFamily="34" charset="0"/>
                </a:rPr>
                <a:t>Preparation for Field Survey</a:t>
              </a:r>
            </a:p>
          </p:txBody>
        </p:sp>
        <p:sp>
          <p:nvSpPr>
            <p:cNvPr id="106" name="OTLSHAPE_T_aa1b4c6ea4be49c1a2b31bf813ede9f0_Duration">
              <a:extLst>
                <a:ext uri="{FF2B5EF4-FFF2-40B4-BE49-F238E27FC236}">
                  <a16:creationId xmlns:a16="http://schemas.microsoft.com/office/drawing/2014/main" id="{42C6CA81-C4F7-C257-984D-257379E8F82E}"/>
                </a:ext>
              </a:extLst>
            </p:cNvPr>
            <p:cNvSpPr txBox="1"/>
            <p:nvPr>
              <p:custDataLst>
                <p:tags r:id="rId30"/>
              </p:custDataLst>
            </p:nvPr>
          </p:nvSpPr>
          <p:spPr>
            <a:xfrm>
              <a:off x="3763005" y="2447043"/>
              <a:ext cx="304800" cy="185153"/>
            </a:xfrm>
            <a:prstGeom prst="rect">
              <a:avLst/>
            </a:prstGeom>
            <a:noFill/>
          </p:spPr>
          <p:txBody>
            <a:bodyPr vert="horz" wrap="square" lIns="0" tIns="0" rIns="0" bIns="0" rtlCol="0" anchor="ctr" anchorCtr="0">
              <a:spAutoFit/>
            </a:bodyPr>
            <a:lstStyle/>
            <a:p>
              <a:r>
                <a:rPr lang="en-GB" sz="700" spc="-8">
                  <a:solidFill>
                    <a:srgbClr val="737373"/>
                  </a:solidFill>
                  <a:latin typeface="Arial" panose="020B0604020202020204" pitchFamily="34" charset="0"/>
                </a:rPr>
                <a:t>28</a:t>
              </a:r>
              <a:r>
                <a:rPr lang="en-GB" sz="700" spc="-8" baseline="30000">
                  <a:solidFill>
                    <a:srgbClr val="737373"/>
                  </a:solidFill>
                  <a:latin typeface="Arial" panose="020B0604020202020204" pitchFamily="34" charset="0"/>
                </a:rPr>
                <a:t>th</a:t>
              </a:r>
              <a:r>
                <a:rPr lang="en-GB" sz="700" spc="-8">
                  <a:solidFill>
                    <a:srgbClr val="737373"/>
                  </a:solidFill>
                  <a:latin typeface="Arial" panose="020B0604020202020204" pitchFamily="34" charset="0"/>
                </a:rPr>
                <a:t> April</a:t>
              </a:r>
            </a:p>
          </p:txBody>
        </p:sp>
        <p:sp>
          <p:nvSpPr>
            <p:cNvPr id="107" name="OTLSHAPE_T_aa1b4c6ea4be49c1a2b31bf813ede9f0_Title">
              <a:extLst>
                <a:ext uri="{FF2B5EF4-FFF2-40B4-BE49-F238E27FC236}">
                  <a16:creationId xmlns:a16="http://schemas.microsoft.com/office/drawing/2014/main" id="{B0EA4FF0-0E9F-D633-53F4-D3284B4D8B62}"/>
                </a:ext>
              </a:extLst>
            </p:cNvPr>
            <p:cNvSpPr txBox="1"/>
            <p:nvPr>
              <p:custDataLst>
                <p:tags r:id="rId31"/>
              </p:custDataLst>
            </p:nvPr>
          </p:nvSpPr>
          <p:spPr>
            <a:xfrm>
              <a:off x="4621997" y="2493331"/>
              <a:ext cx="1270000" cy="92577"/>
            </a:xfrm>
            <a:prstGeom prst="rect">
              <a:avLst/>
            </a:prstGeom>
            <a:noFill/>
          </p:spPr>
          <p:txBody>
            <a:bodyPr vert="horz" wrap="square" lIns="0" tIns="0" rIns="0" bIns="0" rtlCol="0" anchor="ctr" anchorCtr="0">
              <a:spAutoFit/>
            </a:bodyPr>
            <a:lstStyle/>
            <a:p>
              <a:r>
                <a:rPr lang="en-GB" sz="700" spc="-4">
                  <a:solidFill>
                    <a:schemeClr val="dk1"/>
                  </a:solidFill>
                  <a:latin typeface="Arial" panose="020B0604020202020204" pitchFamily="34" charset="0"/>
                </a:rPr>
                <a:t>Field Survey</a:t>
              </a:r>
            </a:p>
          </p:txBody>
        </p:sp>
        <p:sp>
          <p:nvSpPr>
            <p:cNvPr id="108" name="OTLSHAPE_T_1909b907888b4bd6a59bc0d1be235604_Duration">
              <a:extLst>
                <a:ext uri="{FF2B5EF4-FFF2-40B4-BE49-F238E27FC236}">
                  <a16:creationId xmlns:a16="http://schemas.microsoft.com/office/drawing/2014/main" id="{C799FE48-3EF9-AFAF-5908-55A8A451EC0B}"/>
                </a:ext>
              </a:extLst>
            </p:cNvPr>
            <p:cNvSpPr txBox="1"/>
            <p:nvPr>
              <p:custDataLst>
                <p:tags r:id="rId32"/>
              </p:custDataLst>
            </p:nvPr>
          </p:nvSpPr>
          <p:spPr>
            <a:xfrm>
              <a:off x="5605522" y="2662942"/>
              <a:ext cx="304800" cy="185153"/>
            </a:xfrm>
            <a:prstGeom prst="rect">
              <a:avLst/>
            </a:prstGeom>
            <a:noFill/>
          </p:spPr>
          <p:txBody>
            <a:bodyPr vert="horz" wrap="square" lIns="0" tIns="0" rIns="0" bIns="0" rtlCol="0" anchor="ctr" anchorCtr="0">
              <a:spAutoFit/>
            </a:bodyPr>
            <a:lstStyle/>
            <a:p>
              <a:r>
                <a:rPr lang="en-GB" sz="700" spc="-8">
                  <a:solidFill>
                    <a:srgbClr val="737373"/>
                  </a:solidFill>
                  <a:latin typeface="Arial" panose="020B0604020202020204" pitchFamily="34" charset="0"/>
                </a:rPr>
                <a:t>9</a:t>
              </a:r>
              <a:r>
                <a:rPr lang="en-GB" sz="700" spc="-8" baseline="30000">
                  <a:solidFill>
                    <a:srgbClr val="737373"/>
                  </a:solidFill>
                  <a:latin typeface="Arial" panose="020B0604020202020204" pitchFamily="34" charset="0"/>
                </a:rPr>
                <a:t>th</a:t>
              </a:r>
              <a:r>
                <a:rPr lang="en-GB" sz="700" spc="-8">
                  <a:solidFill>
                    <a:srgbClr val="737373"/>
                  </a:solidFill>
                  <a:latin typeface="Arial" panose="020B0604020202020204" pitchFamily="34" charset="0"/>
                </a:rPr>
                <a:t> June</a:t>
              </a:r>
            </a:p>
          </p:txBody>
        </p:sp>
        <p:sp>
          <p:nvSpPr>
            <p:cNvPr id="109" name="OTLSHAPE_T_1909b907888b4bd6a59bc0d1be235604_Title">
              <a:extLst>
                <a:ext uri="{FF2B5EF4-FFF2-40B4-BE49-F238E27FC236}">
                  <a16:creationId xmlns:a16="http://schemas.microsoft.com/office/drawing/2014/main" id="{58FEED82-0073-C582-78EC-B79ABCE1FD88}"/>
                </a:ext>
              </a:extLst>
            </p:cNvPr>
            <p:cNvSpPr txBox="1"/>
            <p:nvPr>
              <p:custDataLst>
                <p:tags r:id="rId33"/>
              </p:custDataLst>
            </p:nvPr>
          </p:nvSpPr>
          <p:spPr>
            <a:xfrm>
              <a:off x="6554939" y="2709231"/>
              <a:ext cx="1778000" cy="92577"/>
            </a:xfrm>
            <a:prstGeom prst="rect">
              <a:avLst/>
            </a:prstGeom>
            <a:noFill/>
          </p:spPr>
          <p:txBody>
            <a:bodyPr vert="horz" wrap="square" lIns="0" tIns="0" rIns="0" bIns="0" rtlCol="0" anchor="ctr" anchorCtr="0">
              <a:spAutoFit/>
            </a:bodyPr>
            <a:lstStyle/>
            <a:p>
              <a:r>
                <a:rPr lang="en-GB" sz="700" spc="-6">
                  <a:solidFill>
                    <a:schemeClr val="dk1"/>
                  </a:solidFill>
                  <a:latin typeface="Arial" panose="020B0604020202020204" pitchFamily="34" charset="0"/>
                </a:rPr>
                <a:t>Evaluation and Assessment</a:t>
              </a:r>
            </a:p>
          </p:txBody>
        </p:sp>
        <p:sp>
          <p:nvSpPr>
            <p:cNvPr id="110" name="OTLSHAPE_T_f60512e163ee4271ab793206700964c7_Duration">
              <a:extLst>
                <a:ext uri="{FF2B5EF4-FFF2-40B4-BE49-F238E27FC236}">
                  <a16:creationId xmlns:a16="http://schemas.microsoft.com/office/drawing/2014/main" id="{E5EA6098-8F2F-554A-2B77-0C05CBA35D67}"/>
                </a:ext>
              </a:extLst>
            </p:cNvPr>
            <p:cNvSpPr txBox="1"/>
            <p:nvPr>
              <p:custDataLst>
                <p:tags r:id="rId34"/>
              </p:custDataLst>
            </p:nvPr>
          </p:nvSpPr>
          <p:spPr>
            <a:xfrm>
              <a:off x="6983218" y="2925131"/>
              <a:ext cx="304800" cy="92577"/>
            </a:xfrm>
            <a:prstGeom prst="rect">
              <a:avLst/>
            </a:prstGeom>
            <a:noFill/>
          </p:spPr>
          <p:txBody>
            <a:bodyPr vert="horz" wrap="square" lIns="0" tIns="0" rIns="0" bIns="0" rtlCol="0" anchor="ctr" anchorCtr="0">
              <a:spAutoFit/>
            </a:bodyPr>
            <a:lstStyle/>
            <a:p>
              <a:r>
                <a:rPr lang="en-GB" sz="700" spc="-8">
                  <a:solidFill>
                    <a:srgbClr val="737373"/>
                  </a:solidFill>
                  <a:latin typeface="Arial" panose="020B0604020202020204" pitchFamily="34" charset="0"/>
                </a:rPr>
                <a:t>6</a:t>
              </a:r>
              <a:r>
                <a:rPr lang="en-GB" sz="700" spc="-8" baseline="30000">
                  <a:solidFill>
                    <a:srgbClr val="737373"/>
                  </a:solidFill>
                  <a:latin typeface="Arial" panose="020B0604020202020204" pitchFamily="34" charset="0"/>
                </a:rPr>
                <a:t>th</a:t>
              </a:r>
              <a:r>
                <a:rPr lang="en-GB" sz="700" spc="-8">
                  <a:solidFill>
                    <a:srgbClr val="737373"/>
                  </a:solidFill>
                  <a:latin typeface="Arial" panose="020B0604020202020204" pitchFamily="34" charset="0"/>
                </a:rPr>
                <a:t> July</a:t>
              </a:r>
            </a:p>
          </p:txBody>
        </p:sp>
        <p:sp>
          <p:nvSpPr>
            <p:cNvPr id="111" name="OTLSHAPE_T_f60512e163ee4271ab793206700964c7_Title">
              <a:extLst>
                <a:ext uri="{FF2B5EF4-FFF2-40B4-BE49-F238E27FC236}">
                  <a16:creationId xmlns:a16="http://schemas.microsoft.com/office/drawing/2014/main" id="{EC40EA14-1FAB-7A7A-384F-8C29FADA1CBE}"/>
                </a:ext>
              </a:extLst>
            </p:cNvPr>
            <p:cNvSpPr txBox="1"/>
            <p:nvPr>
              <p:custDataLst>
                <p:tags r:id="rId35"/>
              </p:custDataLst>
            </p:nvPr>
          </p:nvSpPr>
          <p:spPr>
            <a:xfrm>
              <a:off x="7658315" y="2925131"/>
              <a:ext cx="1722156" cy="92577"/>
            </a:xfrm>
            <a:prstGeom prst="rect">
              <a:avLst/>
            </a:prstGeom>
            <a:noFill/>
          </p:spPr>
          <p:txBody>
            <a:bodyPr vert="horz" wrap="square" lIns="0" tIns="0" rIns="0" bIns="0" rtlCol="0" anchor="ctr" anchorCtr="0">
              <a:spAutoFit/>
            </a:bodyPr>
            <a:lstStyle/>
            <a:p>
              <a:r>
                <a:rPr lang="en-GB" sz="700" spc="-4">
                  <a:solidFill>
                    <a:schemeClr val="dk1"/>
                  </a:solidFill>
                  <a:latin typeface="Arial" panose="020B0604020202020204" pitchFamily="34" charset="0"/>
                </a:rPr>
                <a:t>Risk Analysis Management</a:t>
              </a:r>
            </a:p>
          </p:txBody>
        </p:sp>
        <p:sp>
          <p:nvSpPr>
            <p:cNvPr id="112" name="OTLSHAPE_T_46e30c646be5446391b6755afc2df59e_Duration">
              <a:extLst>
                <a:ext uri="{FF2B5EF4-FFF2-40B4-BE49-F238E27FC236}">
                  <a16:creationId xmlns:a16="http://schemas.microsoft.com/office/drawing/2014/main" id="{3F059C51-99C8-8AEF-FC74-3124FE064CA6}"/>
                </a:ext>
              </a:extLst>
            </p:cNvPr>
            <p:cNvSpPr txBox="1"/>
            <p:nvPr>
              <p:custDataLst>
                <p:tags r:id="rId36"/>
              </p:custDataLst>
            </p:nvPr>
          </p:nvSpPr>
          <p:spPr>
            <a:xfrm>
              <a:off x="8145537" y="3141031"/>
              <a:ext cx="412283" cy="92577"/>
            </a:xfrm>
            <a:prstGeom prst="rect">
              <a:avLst/>
            </a:prstGeom>
            <a:noFill/>
          </p:spPr>
          <p:txBody>
            <a:bodyPr vert="horz" wrap="square" lIns="0" tIns="0" rIns="0" bIns="0" rtlCol="0" anchor="ctr" anchorCtr="0">
              <a:spAutoFit/>
            </a:bodyPr>
            <a:lstStyle/>
            <a:p>
              <a:r>
                <a:rPr lang="en-GB" sz="700" spc="-8">
                  <a:solidFill>
                    <a:srgbClr val="737373"/>
                  </a:solidFill>
                  <a:latin typeface="Arial" panose="020B0604020202020204" pitchFamily="34" charset="0"/>
                </a:rPr>
                <a:t>5</a:t>
              </a:r>
              <a:r>
                <a:rPr lang="en-GB" sz="700" spc="-8" baseline="30000">
                  <a:solidFill>
                    <a:srgbClr val="737373"/>
                  </a:solidFill>
                  <a:latin typeface="Arial" panose="020B0604020202020204" pitchFamily="34" charset="0"/>
                </a:rPr>
                <a:t>th</a:t>
              </a:r>
              <a:r>
                <a:rPr lang="en-GB" sz="700" spc="-8">
                  <a:solidFill>
                    <a:srgbClr val="737373"/>
                  </a:solidFill>
                  <a:latin typeface="Arial" panose="020B0604020202020204" pitchFamily="34" charset="0"/>
                </a:rPr>
                <a:t> August</a:t>
              </a:r>
            </a:p>
          </p:txBody>
        </p:sp>
        <p:sp>
          <p:nvSpPr>
            <p:cNvPr id="113" name="OTLSHAPE_T_46e30c646be5446391b6755afc2df59e_Title">
              <a:extLst>
                <a:ext uri="{FF2B5EF4-FFF2-40B4-BE49-F238E27FC236}">
                  <a16:creationId xmlns:a16="http://schemas.microsoft.com/office/drawing/2014/main" id="{7166F045-36D1-915E-CEF7-BAD20F4A782B}"/>
                </a:ext>
              </a:extLst>
            </p:cNvPr>
            <p:cNvSpPr txBox="1"/>
            <p:nvPr>
              <p:custDataLst>
                <p:tags r:id="rId37"/>
              </p:custDataLst>
            </p:nvPr>
          </p:nvSpPr>
          <p:spPr>
            <a:xfrm>
              <a:off x="8833319" y="3141030"/>
              <a:ext cx="1247346" cy="92577"/>
            </a:xfrm>
            <a:prstGeom prst="rect">
              <a:avLst/>
            </a:prstGeom>
            <a:noFill/>
          </p:spPr>
          <p:txBody>
            <a:bodyPr vert="horz" wrap="square" lIns="0" tIns="0" rIns="0" bIns="0" rtlCol="0" anchor="ctr" anchorCtr="0">
              <a:spAutoFit/>
            </a:bodyPr>
            <a:lstStyle/>
            <a:p>
              <a:r>
                <a:rPr lang="en-GB" sz="700" b="1" spc="-4">
                  <a:solidFill>
                    <a:schemeClr val="dk1"/>
                  </a:solidFill>
                  <a:latin typeface="Arial" panose="020B0604020202020204" pitchFamily="34" charset="0"/>
                </a:rPr>
                <a:t>Review and Approval</a:t>
              </a:r>
            </a:p>
          </p:txBody>
        </p:sp>
        <p:sp>
          <p:nvSpPr>
            <p:cNvPr id="114" name="OTLSHAPE_M_f4b4d16723454c5681b1256f82343087_Shape">
              <a:extLst>
                <a:ext uri="{FF2B5EF4-FFF2-40B4-BE49-F238E27FC236}">
                  <a16:creationId xmlns:a16="http://schemas.microsoft.com/office/drawing/2014/main" id="{4986F675-2681-BAE7-35AE-D677B987C70B}"/>
                </a:ext>
              </a:extLst>
            </p:cNvPr>
            <p:cNvSpPr/>
            <p:nvPr>
              <p:custDataLst>
                <p:tags r:id="rId38"/>
              </p:custDataLst>
            </p:nvPr>
          </p:nvSpPr>
          <p:spPr>
            <a:xfrm>
              <a:off x="1328633" y="4184904"/>
              <a:ext cx="228600" cy="254000"/>
            </a:xfrm>
            <a:prstGeom prst="upArrow">
              <a:avLst/>
            </a:prstGeom>
            <a:solidFill>
              <a:srgbClr val="69747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115" name="OTLSHAPE_M_c3b8ad15914040bf9ea050b831e2fbf0_Shape">
              <a:extLst>
                <a:ext uri="{FF2B5EF4-FFF2-40B4-BE49-F238E27FC236}">
                  <a16:creationId xmlns:a16="http://schemas.microsoft.com/office/drawing/2014/main" id="{F02B2789-3844-7722-DA53-D89C54CEE6B8}"/>
                </a:ext>
              </a:extLst>
            </p:cNvPr>
            <p:cNvSpPr/>
            <p:nvPr>
              <p:custDataLst>
                <p:tags r:id="rId39"/>
              </p:custDataLst>
            </p:nvPr>
          </p:nvSpPr>
          <p:spPr>
            <a:xfrm>
              <a:off x="4212719" y="4184904"/>
              <a:ext cx="228600" cy="254000"/>
            </a:xfrm>
            <a:prstGeom prst="upArrow">
              <a:avLst/>
            </a:prstGeom>
            <a:solidFill>
              <a:srgbClr val="6BAA7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116" name="OTLSHAPE_M_f4b4d16723454c5681b1256f82343087_Title">
              <a:extLst>
                <a:ext uri="{FF2B5EF4-FFF2-40B4-BE49-F238E27FC236}">
                  <a16:creationId xmlns:a16="http://schemas.microsoft.com/office/drawing/2014/main" id="{11BAC5C1-2E54-2228-9866-52C4AA76F942}"/>
                </a:ext>
              </a:extLst>
            </p:cNvPr>
            <p:cNvSpPr txBox="1"/>
            <p:nvPr>
              <p:custDataLst>
                <p:tags r:id="rId40"/>
              </p:custDataLst>
            </p:nvPr>
          </p:nvSpPr>
          <p:spPr>
            <a:xfrm>
              <a:off x="1027839" y="4654800"/>
              <a:ext cx="830595" cy="92577"/>
            </a:xfrm>
            <a:prstGeom prst="rect">
              <a:avLst/>
            </a:prstGeom>
            <a:noFill/>
          </p:spPr>
          <p:txBody>
            <a:bodyPr vert="horz" wrap="square" lIns="0" tIns="0" rIns="0" bIns="0" rtlCol="0" anchor="ctr" anchorCtr="0">
              <a:spAutoFit/>
            </a:bodyPr>
            <a:lstStyle/>
            <a:p>
              <a:pPr algn="ctr"/>
              <a:r>
                <a:rPr lang="en-GB" sz="700" b="1" spc="-4">
                  <a:solidFill>
                    <a:schemeClr val="dk1"/>
                  </a:solidFill>
                  <a:latin typeface="Arial" panose="020B0604020202020204" pitchFamily="34" charset="0"/>
                </a:rPr>
                <a:t>Notice To Proceed</a:t>
              </a:r>
            </a:p>
          </p:txBody>
        </p:sp>
        <p:sp>
          <p:nvSpPr>
            <p:cNvPr id="117" name="OTLSHAPE_M_f4b4d16723454c5681b1256f82343087_Date">
              <a:extLst>
                <a:ext uri="{FF2B5EF4-FFF2-40B4-BE49-F238E27FC236}">
                  <a16:creationId xmlns:a16="http://schemas.microsoft.com/office/drawing/2014/main" id="{E6B0FE81-32FC-F4E6-564E-DC3F721EEC55}"/>
                </a:ext>
              </a:extLst>
            </p:cNvPr>
            <p:cNvSpPr txBox="1"/>
            <p:nvPr>
              <p:custDataLst>
                <p:tags r:id="rId41"/>
              </p:custDataLst>
            </p:nvPr>
          </p:nvSpPr>
          <p:spPr>
            <a:xfrm>
              <a:off x="1177270" y="4445957"/>
              <a:ext cx="556952" cy="92577"/>
            </a:xfrm>
            <a:prstGeom prst="rect">
              <a:avLst/>
            </a:prstGeom>
            <a:noFill/>
          </p:spPr>
          <p:txBody>
            <a:bodyPr vert="horz" wrap="square" lIns="0" tIns="0" rIns="0" bIns="0" rtlCol="0" anchor="ctr" anchorCtr="0">
              <a:spAutoFit/>
            </a:bodyPr>
            <a:lstStyle/>
            <a:p>
              <a:pPr algn="ctr"/>
              <a:r>
                <a:rPr lang="en-GB" sz="700" spc="-6">
                  <a:solidFill>
                    <a:schemeClr val="dk2"/>
                  </a:solidFill>
                  <a:latin typeface="Arial" panose="020B0604020202020204" pitchFamily="34" charset="0"/>
                </a:rPr>
                <a:t>March 6</a:t>
              </a:r>
              <a:r>
                <a:rPr lang="en-GB" sz="700" spc="-6" baseline="30000">
                  <a:solidFill>
                    <a:schemeClr val="dk2"/>
                  </a:solidFill>
                  <a:latin typeface="Arial" panose="020B0604020202020204" pitchFamily="34" charset="0"/>
                </a:rPr>
                <a:t>th</a:t>
              </a:r>
              <a:endParaRPr lang="en-GB" sz="700" spc="-6">
                <a:solidFill>
                  <a:schemeClr val="dk2"/>
                </a:solidFill>
                <a:latin typeface="Arial" panose="020B0604020202020204" pitchFamily="34" charset="0"/>
              </a:endParaRPr>
            </a:p>
          </p:txBody>
        </p:sp>
        <p:sp>
          <p:nvSpPr>
            <p:cNvPr id="118" name="OTLSHAPE_M_c3b8ad15914040bf9ea050b831e2fbf0_Title">
              <a:extLst>
                <a:ext uri="{FF2B5EF4-FFF2-40B4-BE49-F238E27FC236}">
                  <a16:creationId xmlns:a16="http://schemas.microsoft.com/office/drawing/2014/main" id="{C9E26095-B550-189B-0A09-058A130F4825}"/>
                </a:ext>
              </a:extLst>
            </p:cNvPr>
            <p:cNvSpPr txBox="1"/>
            <p:nvPr>
              <p:custDataLst>
                <p:tags r:id="rId42"/>
              </p:custDataLst>
            </p:nvPr>
          </p:nvSpPr>
          <p:spPr>
            <a:xfrm>
              <a:off x="3678028" y="4613277"/>
              <a:ext cx="1320800" cy="92577"/>
            </a:xfrm>
            <a:prstGeom prst="rect">
              <a:avLst/>
            </a:prstGeom>
            <a:noFill/>
          </p:spPr>
          <p:txBody>
            <a:bodyPr vert="horz" wrap="square" lIns="0" tIns="0" rIns="0" bIns="0" rtlCol="0" anchor="ctr" anchorCtr="0">
              <a:spAutoFit/>
            </a:bodyPr>
            <a:lstStyle/>
            <a:p>
              <a:pPr algn="ctr"/>
              <a:r>
                <a:rPr lang="en-GB" sz="700" b="1" spc="-4">
                  <a:solidFill>
                    <a:schemeClr val="dk1"/>
                  </a:solidFill>
                  <a:latin typeface="Arial" panose="020B0604020202020204" pitchFamily="34" charset="0"/>
                </a:rPr>
                <a:t>PR 1</a:t>
              </a:r>
            </a:p>
          </p:txBody>
        </p:sp>
        <p:sp>
          <p:nvSpPr>
            <p:cNvPr id="119" name="OTLSHAPE_M_c3b8ad15914040bf9ea050b831e2fbf0_Date">
              <a:extLst>
                <a:ext uri="{FF2B5EF4-FFF2-40B4-BE49-F238E27FC236}">
                  <a16:creationId xmlns:a16="http://schemas.microsoft.com/office/drawing/2014/main" id="{C873968F-1BEF-2285-78C1-88D9D0D872F4}"/>
                </a:ext>
              </a:extLst>
            </p:cNvPr>
            <p:cNvSpPr txBox="1"/>
            <p:nvPr>
              <p:custDataLst>
                <p:tags r:id="rId43"/>
              </p:custDataLst>
            </p:nvPr>
          </p:nvSpPr>
          <p:spPr>
            <a:xfrm>
              <a:off x="4131946" y="4476436"/>
              <a:ext cx="410797" cy="92577"/>
            </a:xfrm>
            <a:prstGeom prst="rect">
              <a:avLst/>
            </a:prstGeom>
            <a:noFill/>
          </p:spPr>
          <p:txBody>
            <a:bodyPr vert="horz" wrap="square" lIns="0" tIns="0" rIns="0" bIns="0" rtlCol="0" anchor="ctr" anchorCtr="0">
              <a:spAutoFit/>
            </a:bodyPr>
            <a:lstStyle/>
            <a:p>
              <a:pPr algn="ctr"/>
              <a:r>
                <a:rPr lang="en-GB" sz="700" spc="-8">
                  <a:solidFill>
                    <a:schemeClr val="dk2"/>
                  </a:solidFill>
                  <a:latin typeface="Arial" panose="020B0604020202020204" pitchFamily="34" charset="0"/>
                </a:rPr>
                <a:t>May 4th</a:t>
              </a:r>
            </a:p>
          </p:txBody>
        </p:sp>
        <p:sp>
          <p:nvSpPr>
            <p:cNvPr id="120" name="OTLSHAPE_T_3486ce9c27ce42aaaadd8c35e708922c_Duration">
              <a:extLst>
                <a:ext uri="{FF2B5EF4-FFF2-40B4-BE49-F238E27FC236}">
                  <a16:creationId xmlns:a16="http://schemas.microsoft.com/office/drawing/2014/main" id="{5287E773-3636-E096-B00C-DFEFBCACF380}"/>
                </a:ext>
              </a:extLst>
            </p:cNvPr>
            <p:cNvSpPr txBox="1"/>
            <p:nvPr>
              <p:custDataLst>
                <p:tags r:id="rId44"/>
              </p:custDataLst>
            </p:nvPr>
          </p:nvSpPr>
          <p:spPr>
            <a:xfrm>
              <a:off x="1684269" y="2233603"/>
              <a:ext cx="304800" cy="185153"/>
            </a:xfrm>
            <a:prstGeom prst="rect">
              <a:avLst/>
            </a:prstGeom>
            <a:noFill/>
          </p:spPr>
          <p:txBody>
            <a:bodyPr vert="horz" wrap="square" lIns="0" tIns="0" rIns="0" bIns="0" rtlCol="0" anchor="ctr" anchorCtr="0">
              <a:spAutoFit/>
            </a:bodyPr>
            <a:lstStyle/>
            <a:p>
              <a:r>
                <a:rPr lang="en-GB" sz="700" spc="-8">
                  <a:solidFill>
                    <a:srgbClr val="737373"/>
                  </a:solidFill>
                  <a:latin typeface="Arial" panose="020B0604020202020204" pitchFamily="34" charset="0"/>
                </a:rPr>
                <a:t>14</a:t>
              </a:r>
              <a:r>
                <a:rPr lang="en-GB" sz="700" spc="-8" baseline="30000">
                  <a:solidFill>
                    <a:srgbClr val="737373"/>
                  </a:solidFill>
                  <a:latin typeface="Arial" panose="020B0604020202020204" pitchFamily="34" charset="0"/>
                </a:rPr>
                <a:t>th</a:t>
              </a:r>
              <a:r>
                <a:rPr lang="en-GB" sz="700" spc="-8">
                  <a:solidFill>
                    <a:srgbClr val="737373"/>
                  </a:solidFill>
                  <a:latin typeface="Arial" panose="020B0604020202020204" pitchFamily="34" charset="0"/>
                </a:rPr>
                <a:t> March</a:t>
              </a:r>
            </a:p>
          </p:txBody>
        </p:sp>
        <p:cxnSp>
          <p:nvCxnSpPr>
            <p:cNvPr id="121" name="Straight Connector 120">
              <a:extLst>
                <a:ext uri="{FF2B5EF4-FFF2-40B4-BE49-F238E27FC236}">
                  <a16:creationId xmlns:a16="http://schemas.microsoft.com/office/drawing/2014/main" id="{69A6EBBC-0CA4-5E37-0F95-E651470E8331}"/>
                </a:ext>
              </a:extLst>
            </p:cNvPr>
            <p:cNvCxnSpPr>
              <a:cxnSpLocks/>
            </p:cNvCxnSpPr>
            <p:nvPr/>
          </p:nvCxnSpPr>
          <p:spPr>
            <a:xfrm flipV="1">
              <a:off x="1596891" y="3651504"/>
              <a:ext cx="0" cy="406400"/>
            </a:xfrm>
            <a:prstGeom prst="line">
              <a:avLst/>
            </a:prstGeom>
            <a:solidFill>
              <a:srgbClr val="69747C"/>
            </a:solidFill>
            <a:ln w="28575" cap="flat" cmpd="sng" algn="ctr">
              <a:solidFill>
                <a:srgbClr val="69747C"/>
              </a:solidFill>
              <a:prstDash val="solid"/>
              <a:miter lim="800000"/>
              <a:headEnd type="diamond" w="med" len="med"/>
              <a:tailEnd type="diamond" w="med" len="med"/>
            </a:ln>
            <a:effectLst/>
          </p:spPr>
          <p:style>
            <a:lnRef idx="2">
              <a:schemeClr val="accent1">
                <a:shade val="50000"/>
              </a:schemeClr>
            </a:lnRef>
            <a:fillRef idx="1">
              <a:schemeClr val="accent1"/>
            </a:fillRef>
            <a:effectRef idx="0">
              <a:schemeClr val="accent1"/>
            </a:effectRef>
            <a:fontRef idx="minor">
              <a:schemeClr val="lt1"/>
            </a:fontRef>
          </p:style>
        </p:cxnSp>
        <p:sp>
          <p:nvSpPr>
            <p:cNvPr id="122" name="OTLSHAPE_M_4c0629c169b043b6bdb1df04ed12c257_Title">
              <a:extLst>
                <a:ext uri="{FF2B5EF4-FFF2-40B4-BE49-F238E27FC236}">
                  <a16:creationId xmlns:a16="http://schemas.microsoft.com/office/drawing/2014/main" id="{41C29BDC-EEEC-8126-4AE3-2753D5CBEF66}"/>
                </a:ext>
              </a:extLst>
            </p:cNvPr>
            <p:cNvSpPr txBox="1"/>
            <p:nvPr>
              <p:custDataLst>
                <p:tags r:id="rId45"/>
              </p:custDataLst>
            </p:nvPr>
          </p:nvSpPr>
          <p:spPr>
            <a:xfrm>
              <a:off x="1294162" y="3291154"/>
              <a:ext cx="661842" cy="185153"/>
            </a:xfrm>
            <a:prstGeom prst="rect">
              <a:avLst/>
            </a:prstGeom>
            <a:noFill/>
          </p:spPr>
          <p:txBody>
            <a:bodyPr vert="horz" wrap="square" lIns="0" tIns="0" rIns="0" bIns="0" rtlCol="0" anchor="ctr" anchorCtr="0">
              <a:spAutoFit/>
            </a:bodyPr>
            <a:lstStyle/>
            <a:p>
              <a:pPr algn="ctr"/>
              <a:r>
                <a:rPr lang="en-GB" sz="700" b="1" spc="-6">
                  <a:solidFill>
                    <a:schemeClr val="dk1"/>
                  </a:solidFill>
                  <a:latin typeface="Arial" panose="020B0604020202020204" pitchFamily="34" charset="0"/>
                </a:rPr>
                <a:t>Kick-Off Meeting</a:t>
              </a:r>
            </a:p>
          </p:txBody>
        </p:sp>
        <p:sp>
          <p:nvSpPr>
            <p:cNvPr id="123" name="OTLSHAPE_M_4c0629c169b043b6bdb1df04ed12c257_Date">
              <a:extLst>
                <a:ext uri="{FF2B5EF4-FFF2-40B4-BE49-F238E27FC236}">
                  <a16:creationId xmlns:a16="http://schemas.microsoft.com/office/drawing/2014/main" id="{81933173-C7BA-33E0-1F49-19CFA20DDDE6}"/>
                </a:ext>
              </a:extLst>
            </p:cNvPr>
            <p:cNvSpPr txBox="1"/>
            <p:nvPr>
              <p:custDataLst>
                <p:tags r:id="rId46"/>
              </p:custDataLst>
            </p:nvPr>
          </p:nvSpPr>
          <p:spPr>
            <a:xfrm>
              <a:off x="1371084" y="3527191"/>
              <a:ext cx="507999" cy="92577"/>
            </a:xfrm>
            <a:prstGeom prst="rect">
              <a:avLst/>
            </a:prstGeom>
            <a:noFill/>
          </p:spPr>
          <p:txBody>
            <a:bodyPr vert="horz" wrap="square" lIns="0" tIns="0" rIns="0" bIns="0" rtlCol="0" anchor="ctr" anchorCtr="0">
              <a:spAutoFit/>
            </a:bodyPr>
            <a:lstStyle/>
            <a:p>
              <a:pPr algn="ctr"/>
              <a:r>
                <a:rPr lang="en-GB" sz="700" spc="-8">
                  <a:solidFill>
                    <a:schemeClr val="dk2"/>
                  </a:solidFill>
                  <a:latin typeface="Arial" panose="020B0604020202020204" pitchFamily="34" charset="0"/>
                </a:rPr>
                <a:t>March 7</a:t>
              </a:r>
              <a:r>
                <a:rPr lang="en-GB" sz="700" spc="-8" baseline="30000">
                  <a:solidFill>
                    <a:schemeClr val="dk2"/>
                  </a:solidFill>
                  <a:latin typeface="Arial" panose="020B0604020202020204" pitchFamily="34" charset="0"/>
                </a:rPr>
                <a:t>th</a:t>
              </a:r>
              <a:r>
                <a:rPr lang="en-GB" sz="700" spc="-8">
                  <a:solidFill>
                    <a:schemeClr val="dk2"/>
                  </a:solidFill>
                  <a:latin typeface="Arial" panose="020B0604020202020204" pitchFamily="34" charset="0"/>
                </a:rPr>
                <a:t> </a:t>
              </a:r>
            </a:p>
          </p:txBody>
        </p:sp>
        <p:cxnSp>
          <p:nvCxnSpPr>
            <p:cNvPr id="124" name="Straight Connector 123">
              <a:extLst>
                <a:ext uri="{FF2B5EF4-FFF2-40B4-BE49-F238E27FC236}">
                  <a16:creationId xmlns:a16="http://schemas.microsoft.com/office/drawing/2014/main" id="{BE508213-F03B-7A08-891E-E0107FC01D80}"/>
                </a:ext>
              </a:extLst>
            </p:cNvPr>
            <p:cNvCxnSpPr>
              <a:cxnSpLocks/>
              <a:stCxn id="126" idx="0"/>
            </p:cNvCxnSpPr>
            <p:nvPr/>
          </p:nvCxnSpPr>
          <p:spPr>
            <a:xfrm flipV="1">
              <a:off x="1889019" y="4124774"/>
              <a:ext cx="0" cy="805518"/>
            </a:xfrm>
            <a:prstGeom prst="line">
              <a:avLst/>
            </a:prstGeom>
            <a:solidFill>
              <a:srgbClr val="69747C"/>
            </a:solidFill>
            <a:ln w="28575" cap="flat" cmpd="sng" algn="ctr">
              <a:solidFill>
                <a:srgbClr val="69747C"/>
              </a:solidFill>
              <a:prstDash val="solid"/>
              <a:miter lim="800000"/>
              <a:headEnd type="diamond" w="med" len="med"/>
              <a:tailEnd type="diamond" w="med" len="med"/>
            </a:ln>
            <a:effectLst/>
          </p:spPr>
          <p:style>
            <a:lnRef idx="2">
              <a:schemeClr val="accent1">
                <a:shade val="50000"/>
              </a:schemeClr>
            </a:lnRef>
            <a:fillRef idx="1">
              <a:schemeClr val="accent1"/>
            </a:fillRef>
            <a:effectRef idx="0">
              <a:schemeClr val="accent1"/>
            </a:effectRef>
            <a:fontRef idx="minor">
              <a:schemeClr val="lt1"/>
            </a:fontRef>
          </p:style>
        </p:cxnSp>
        <p:sp>
          <p:nvSpPr>
            <p:cNvPr id="125" name="OTLSHAPE_M_f4b4d16723454c5681b1256f82343087_Title">
              <a:extLst>
                <a:ext uri="{FF2B5EF4-FFF2-40B4-BE49-F238E27FC236}">
                  <a16:creationId xmlns:a16="http://schemas.microsoft.com/office/drawing/2014/main" id="{7E477B82-A8BF-6725-3D0C-B3E97BCC8FD6}"/>
                </a:ext>
              </a:extLst>
            </p:cNvPr>
            <p:cNvSpPr txBox="1"/>
            <p:nvPr>
              <p:custDataLst>
                <p:tags r:id="rId47"/>
              </p:custDataLst>
            </p:nvPr>
          </p:nvSpPr>
          <p:spPr>
            <a:xfrm>
              <a:off x="1463785" y="5064980"/>
              <a:ext cx="830595" cy="92577"/>
            </a:xfrm>
            <a:prstGeom prst="rect">
              <a:avLst/>
            </a:prstGeom>
            <a:noFill/>
          </p:spPr>
          <p:txBody>
            <a:bodyPr vert="horz" wrap="square" lIns="0" tIns="0" rIns="0" bIns="0" rtlCol="0" anchor="ctr" anchorCtr="0">
              <a:spAutoFit/>
            </a:bodyPr>
            <a:lstStyle/>
            <a:p>
              <a:pPr algn="ctr"/>
              <a:r>
                <a:rPr lang="en-GB" sz="700" b="1" spc="-4">
                  <a:solidFill>
                    <a:schemeClr val="dk1"/>
                  </a:solidFill>
                  <a:latin typeface="Arial" panose="020B0604020202020204" pitchFamily="34" charset="0"/>
                </a:rPr>
                <a:t>Inception Report</a:t>
              </a:r>
            </a:p>
          </p:txBody>
        </p:sp>
        <p:sp>
          <p:nvSpPr>
            <p:cNvPr id="126" name="OTLSHAPE_M_f4b4d16723454c5681b1256f82343087_Date">
              <a:extLst>
                <a:ext uri="{FF2B5EF4-FFF2-40B4-BE49-F238E27FC236}">
                  <a16:creationId xmlns:a16="http://schemas.microsoft.com/office/drawing/2014/main" id="{38876DFF-52DE-A6A4-9A44-F430FCC44998}"/>
                </a:ext>
              </a:extLst>
            </p:cNvPr>
            <p:cNvSpPr txBox="1"/>
            <p:nvPr>
              <p:custDataLst>
                <p:tags r:id="rId48"/>
              </p:custDataLst>
            </p:nvPr>
          </p:nvSpPr>
          <p:spPr>
            <a:xfrm>
              <a:off x="1610544" y="4930291"/>
              <a:ext cx="556952" cy="92577"/>
            </a:xfrm>
            <a:prstGeom prst="rect">
              <a:avLst/>
            </a:prstGeom>
            <a:noFill/>
          </p:spPr>
          <p:txBody>
            <a:bodyPr vert="horz" wrap="square" lIns="0" tIns="0" rIns="0" bIns="0" rtlCol="0" anchor="ctr" anchorCtr="0">
              <a:spAutoFit/>
            </a:bodyPr>
            <a:lstStyle/>
            <a:p>
              <a:pPr algn="ctr"/>
              <a:r>
                <a:rPr lang="en-GB" sz="700" spc="-6">
                  <a:solidFill>
                    <a:schemeClr val="dk2"/>
                  </a:solidFill>
                  <a:latin typeface="Arial" panose="020B0604020202020204" pitchFamily="34" charset="0"/>
                </a:rPr>
                <a:t>March 15</a:t>
              </a:r>
              <a:r>
                <a:rPr lang="en-GB" sz="700" spc="-6" baseline="30000">
                  <a:solidFill>
                    <a:schemeClr val="dk2"/>
                  </a:solidFill>
                  <a:latin typeface="Arial" panose="020B0604020202020204" pitchFamily="34" charset="0"/>
                </a:rPr>
                <a:t>th</a:t>
              </a:r>
              <a:endParaRPr lang="en-GB" sz="700" spc="-6">
                <a:solidFill>
                  <a:schemeClr val="dk2"/>
                </a:solidFill>
                <a:latin typeface="Arial" panose="020B0604020202020204" pitchFamily="34" charset="0"/>
              </a:endParaRPr>
            </a:p>
          </p:txBody>
        </p:sp>
        <p:cxnSp>
          <p:nvCxnSpPr>
            <p:cNvPr id="127" name="Straight Connector 126">
              <a:extLst>
                <a:ext uri="{FF2B5EF4-FFF2-40B4-BE49-F238E27FC236}">
                  <a16:creationId xmlns:a16="http://schemas.microsoft.com/office/drawing/2014/main" id="{DD2BAF8E-22C3-D5BF-C9D9-F6D63EA5FCA4}"/>
                </a:ext>
              </a:extLst>
            </p:cNvPr>
            <p:cNvCxnSpPr>
              <a:cxnSpLocks/>
            </p:cNvCxnSpPr>
            <p:nvPr/>
          </p:nvCxnSpPr>
          <p:spPr>
            <a:xfrm flipV="1">
              <a:off x="3626859" y="3657600"/>
              <a:ext cx="0" cy="406400"/>
            </a:xfrm>
            <a:prstGeom prst="line">
              <a:avLst/>
            </a:prstGeom>
            <a:solidFill>
              <a:srgbClr val="69747C"/>
            </a:solidFill>
            <a:ln w="28575" cap="flat" cmpd="sng" algn="ctr">
              <a:solidFill>
                <a:srgbClr val="6BAA75"/>
              </a:solidFill>
              <a:prstDash val="solid"/>
              <a:miter lim="800000"/>
              <a:headEnd type="diamond" w="med" len="med"/>
              <a:tailEnd type="diamond" w="med" len="med"/>
            </a:ln>
            <a:effectLst/>
          </p:spPr>
          <p:style>
            <a:lnRef idx="2">
              <a:schemeClr val="accent1">
                <a:shade val="50000"/>
              </a:schemeClr>
            </a:lnRef>
            <a:fillRef idx="1">
              <a:schemeClr val="accent1"/>
            </a:fillRef>
            <a:effectRef idx="0">
              <a:schemeClr val="accent1"/>
            </a:effectRef>
            <a:fontRef idx="minor">
              <a:schemeClr val="lt1"/>
            </a:fontRef>
          </p:style>
        </p:cxnSp>
        <p:sp>
          <p:nvSpPr>
            <p:cNvPr id="128" name="OTLSHAPE_M_4c0629c169b043b6bdb1df04ed12c257_Title">
              <a:extLst>
                <a:ext uri="{FF2B5EF4-FFF2-40B4-BE49-F238E27FC236}">
                  <a16:creationId xmlns:a16="http://schemas.microsoft.com/office/drawing/2014/main" id="{B2AF7FEE-586E-CFEE-2019-2409596385ED}"/>
                </a:ext>
              </a:extLst>
            </p:cNvPr>
            <p:cNvSpPr txBox="1"/>
            <p:nvPr>
              <p:custDataLst>
                <p:tags r:id="rId49"/>
              </p:custDataLst>
            </p:nvPr>
          </p:nvSpPr>
          <p:spPr>
            <a:xfrm>
              <a:off x="3324130" y="3392306"/>
              <a:ext cx="661842" cy="92577"/>
            </a:xfrm>
            <a:prstGeom prst="rect">
              <a:avLst/>
            </a:prstGeom>
            <a:noFill/>
          </p:spPr>
          <p:txBody>
            <a:bodyPr vert="horz" wrap="square" lIns="0" tIns="0" rIns="0" bIns="0" rtlCol="0" anchor="ctr" anchorCtr="0">
              <a:spAutoFit/>
            </a:bodyPr>
            <a:lstStyle/>
            <a:p>
              <a:pPr algn="ctr"/>
              <a:r>
                <a:rPr lang="en-GB" sz="700" b="1" spc="-6">
                  <a:solidFill>
                    <a:schemeClr val="dk1"/>
                  </a:solidFill>
                  <a:latin typeface="Arial" panose="020B0604020202020204" pitchFamily="34" charset="0"/>
                </a:rPr>
                <a:t>Workshop</a:t>
              </a:r>
            </a:p>
          </p:txBody>
        </p:sp>
        <p:sp>
          <p:nvSpPr>
            <p:cNvPr id="129" name="OTLSHAPE_M_4c0629c169b043b6bdb1df04ed12c257_Date">
              <a:extLst>
                <a:ext uri="{FF2B5EF4-FFF2-40B4-BE49-F238E27FC236}">
                  <a16:creationId xmlns:a16="http://schemas.microsoft.com/office/drawing/2014/main" id="{780C7D38-95D0-F47F-7DE2-2C9234682455}"/>
                </a:ext>
              </a:extLst>
            </p:cNvPr>
            <p:cNvSpPr txBox="1"/>
            <p:nvPr>
              <p:custDataLst>
                <p:tags r:id="rId50"/>
              </p:custDataLst>
            </p:nvPr>
          </p:nvSpPr>
          <p:spPr>
            <a:xfrm>
              <a:off x="3401052" y="3533286"/>
              <a:ext cx="507999" cy="92577"/>
            </a:xfrm>
            <a:prstGeom prst="rect">
              <a:avLst/>
            </a:prstGeom>
            <a:noFill/>
          </p:spPr>
          <p:txBody>
            <a:bodyPr vert="horz" wrap="square" lIns="0" tIns="0" rIns="0" bIns="0" rtlCol="0" anchor="ctr" anchorCtr="0">
              <a:spAutoFit/>
            </a:bodyPr>
            <a:lstStyle/>
            <a:p>
              <a:pPr algn="ctr"/>
              <a:r>
                <a:rPr lang="en-GB" sz="700" spc="-8">
                  <a:solidFill>
                    <a:schemeClr val="dk2"/>
                  </a:solidFill>
                  <a:latin typeface="Arial" panose="020B0604020202020204" pitchFamily="34" charset="0"/>
                </a:rPr>
                <a:t>April 24</a:t>
              </a:r>
              <a:r>
                <a:rPr lang="en-GB" sz="700" spc="-8" baseline="30000">
                  <a:solidFill>
                    <a:schemeClr val="dk2"/>
                  </a:solidFill>
                  <a:latin typeface="Arial" panose="020B0604020202020204" pitchFamily="34" charset="0"/>
                </a:rPr>
                <a:t>th</a:t>
              </a:r>
              <a:endParaRPr lang="en-GB" sz="700" spc="-8">
                <a:solidFill>
                  <a:schemeClr val="dk2"/>
                </a:solidFill>
                <a:latin typeface="Arial" panose="020B0604020202020204" pitchFamily="34" charset="0"/>
              </a:endParaRPr>
            </a:p>
          </p:txBody>
        </p:sp>
        <p:sp>
          <p:nvSpPr>
            <p:cNvPr id="130" name="OTLSHAPE_M_c3b8ad15914040bf9ea050b831e2fbf0_Shape">
              <a:extLst>
                <a:ext uri="{FF2B5EF4-FFF2-40B4-BE49-F238E27FC236}">
                  <a16:creationId xmlns:a16="http://schemas.microsoft.com/office/drawing/2014/main" id="{E02D3D48-06CE-48EB-8AB4-7A8AAC82B680}"/>
                </a:ext>
              </a:extLst>
            </p:cNvPr>
            <p:cNvSpPr/>
            <p:nvPr>
              <p:custDataLst>
                <p:tags r:id="rId51"/>
              </p:custDataLst>
            </p:nvPr>
          </p:nvSpPr>
          <p:spPr>
            <a:xfrm>
              <a:off x="3811185" y="4184425"/>
              <a:ext cx="228600" cy="655164"/>
            </a:xfrm>
            <a:prstGeom prst="upArrow">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131" name="OTLSHAPE_M_c3b8ad15914040bf9ea050b831e2fbf0_Title">
              <a:extLst>
                <a:ext uri="{FF2B5EF4-FFF2-40B4-BE49-F238E27FC236}">
                  <a16:creationId xmlns:a16="http://schemas.microsoft.com/office/drawing/2014/main" id="{885DDB77-6327-E559-A307-4473E974D442}"/>
                </a:ext>
              </a:extLst>
            </p:cNvPr>
            <p:cNvSpPr txBox="1"/>
            <p:nvPr>
              <p:custDataLst>
                <p:tags r:id="rId52"/>
              </p:custDataLst>
            </p:nvPr>
          </p:nvSpPr>
          <p:spPr>
            <a:xfrm>
              <a:off x="3276494" y="5027326"/>
              <a:ext cx="1320800" cy="92577"/>
            </a:xfrm>
            <a:prstGeom prst="rect">
              <a:avLst/>
            </a:prstGeom>
            <a:noFill/>
          </p:spPr>
          <p:txBody>
            <a:bodyPr vert="horz" wrap="square" lIns="0" tIns="0" rIns="0" bIns="0" rtlCol="0" anchor="ctr" anchorCtr="0">
              <a:spAutoFit/>
            </a:bodyPr>
            <a:lstStyle/>
            <a:p>
              <a:pPr algn="ctr"/>
              <a:r>
                <a:rPr lang="en-GB" sz="700" b="1" spc="-4">
                  <a:solidFill>
                    <a:schemeClr val="dk1"/>
                  </a:solidFill>
                  <a:latin typeface="Arial" panose="020B0604020202020204" pitchFamily="34" charset="0"/>
                </a:rPr>
                <a:t>PR 2, 4, and 6</a:t>
              </a:r>
            </a:p>
          </p:txBody>
        </p:sp>
        <p:sp>
          <p:nvSpPr>
            <p:cNvPr id="132" name="OTLSHAPE_M_c3b8ad15914040bf9ea050b831e2fbf0_Date">
              <a:extLst>
                <a:ext uri="{FF2B5EF4-FFF2-40B4-BE49-F238E27FC236}">
                  <a16:creationId xmlns:a16="http://schemas.microsoft.com/office/drawing/2014/main" id="{BE1C0B42-59C0-E76D-8557-A9EAE7B505B2}"/>
                </a:ext>
              </a:extLst>
            </p:cNvPr>
            <p:cNvSpPr txBox="1"/>
            <p:nvPr>
              <p:custDataLst>
                <p:tags r:id="rId53"/>
              </p:custDataLst>
            </p:nvPr>
          </p:nvSpPr>
          <p:spPr>
            <a:xfrm>
              <a:off x="3687740" y="4890485"/>
              <a:ext cx="482302" cy="92577"/>
            </a:xfrm>
            <a:prstGeom prst="rect">
              <a:avLst/>
            </a:prstGeom>
            <a:noFill/>
          </p:spPr>
          <p:txBody>
            <a:bodyPr vert="horz" wrap="square" lIns="0" tIns="0" rIns="0" bIns="0" rtlCol="0" anchor="ctr" anchorCtr="0">
              <a:spAutoFit/>
            </a:bodyPr>
            <a:lstStyle/>
            <a:p>
              <a:pPr algn="ctr"/>
              <a:r>
                <a:rPr lang="en-GB" sz="700" spc="-8">
                  <a:solidFill>
                    <a:schemeClr val="dk2"/>
                  </a:solidFill>
                  <a:latin typeface="Arial" panose="020B0604020202020204" pitchFamily="34" charset="0"/>
                </a:rPr>
                <a:t>April 27th</a:t>
              </a:r>
            </a:p>
          </p:txBody>
        </p:sp>
        <p:sp>
          <p:nvSpPr>
            <p:cNvPr id="133" name="OTLSHAPE_M_c3b8ad15914040bf9ea050b831e2fbf0_Shape">
              <a:extLst>
                <a:ext uri="{FF2B5EF4-FFF2-40B4-BE49-F238E27FC236}">
                  <a16:creationId xmlns:a16="http://schemas.microsoft.com/office/drawing/2014/main" id="{A69C2875-2561-218F-FF76-E8282AC5F694}"/>
                </a:ext>
              </a:extLst>
            </p:cNvPr>
            <p:cNvSpPr/>
            <p:nvPr>
              <p:custDataLst>
                <p:tags r:id="rId54"/>
              </p:custDataLst>
            </p:nvPr>
          </p:nvSpPr>
          <p:spPr>
            <a:xfrm>
              <a:off x="10194223" y="4188165"/>
              <a:ext cx="228600" cy="254000"/>
            </a:xfrm>
            <a:prstGeom prst="upArrow">
              <a:avLst/>
            </a:prstGeom>
            <a:solidFill>
              <a:srgbClr val="AA6BA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p>
          </p:txBody>
        </p:sp>
        <p:sp>
          <p:nvSpPr>
            <p:cNvPr id="134" name="OTLSHAPE_M_c3b8ad15914040bf9ea050b831e2fbf0_Title">
              <a:extLst>
                <a:ext uri="{FF2B5EF4-FFF2-40B4-BE49-F238E27FC236}">
                  <a16:creationId xmlns:a16="http://schemas.microsoft.com/office/drawing/2014/main" id="{1894BDAD-7435-FE06-B7BF-0AA24795F805}"/>
                </a:ext>
              </a:extLst>
            </p:cNvPr>
            <p:cNvSpPr txBox="1"/>
            <p:nvPr>
              <p:custDataLst>
                <p:tags r:id="rId55"/>
              </p:custDataLst>
            </p:nvPr>
          </p:nvSpPr>
          <p:spPr>
            <a:xfrm>
              <a:off x="9659532" y="4696050"/>
              <a:ext cx="1320800" cy="92577"/>
            </a:xfrm>
            <a:prstGeom prst="rect">
              <a:avLst/>
            </a:prstGeom>
            <a:noFill/>
          </p:spPr>
          <p:txBody>
            <a:bodyPr vert="horz" wrap="square" lIns="0" tIns="0" rIns="0" bIns="0" rtlCol="0" anchor="ctr" anchorCtr="0">
              <a:spAutoFit/>
            </a:bodyPr>
            <a:lstStyle/>
            <a:p>
              <a:pPr algn="ctr"/>
              <a:r>
                <a:rPr lang="en-GB" sz="700" b="1" spc="-4">
                  <a:solidFill>
                    <a:schemeClr val="dk1"/>
                  </a:solidFill>
                  <a:latin typeface="Arial" panose="020B0604020202020204" pitchFamily="34" charset="0"/>
                </a:rPr>
                <a:t>PR 3, 5, 7 and Final Report</a:t>
              </a:r>
            </a:p>
          </p:txBody>
        </p:sp>
        <p:sp>
          <p:nvSpPr>
            <p:cNvPr id="135" name="OTLSHAPE_M_c3b8ad15914040bf9ea050b831e2fbf0_Date">
              <a:extLst>
                <a:ext uri="{FF2B5EF4-FFF2-40B4-BE49-F238E27FC236}">
                  <a16:creationId xmlns:a16="http://schemas.microsoft.com/office/drawing/2014/main" id="{1C8AC600-24A2-9DF7-B4E3-BCDD0B94BA29}"/>
                </a:ext>
              </a:extLst>
            </p:cNvPr>
            <p:cNvSpPr txBox="1"/>
            <p:nvPr>
              <p:custDataLst>
                <p:tags r:id="rId56"/>
              </p:custDataLst>
            </p:nvPr>
          </p:nvSpPr>
          <p:spPr>
            <a:xfrm>
              <a:off x="10113450" y="4479697"/>
              <a:ext cx="410797" cy="92577"/>
            </a:xfrm>
            <a:prstGeom prst="rect">
              <a:avLst/>
            </a:prstGeom>
            <a:noFill/>
          </p:spPr>
          <p:txBody>
            <a:bodyPr vert="horz" wrap="square" lIns="0" tIns="0" rIns="0" bIns="0" rtlCol="0" anchor="ctr" anchorCtr="0">
              <a:spAutoFit/>
            </a:bodyPr>
            <a:lstStyle/>
            <a:p>
              <a:pPr algn="ctr"/>
              <a:r>
                <a:rPr lang="en-GB" sz="700" spc="-8">
                  <a:solidFill>
                    <a:schemeClr val="dk2"/>
                  </a:solidFill>
                  <a:latin typeface="Arial" panose="020B0604020202020204" pitchFamily="34" charset="0"/>
                </a:rPr>
                <a:t>Sept 6</a:t>
              </a:r>
              <a:r>
                <a:rPr lang="en-GB" sz="700" spc="-8" baseline="30000">
                  <a:solidFill>
                    <a:schemeClr val="dk2"/>
                  </a:solidFill>
                  <a:latin typeface="Arial" panose="020B0604020202020204" pitchFamily="34" charset="0"/>
                </a:rPr>
                <a:t>th</a:t>
              </a:r>
              <a:endParaRPr lang="en-GB" sz="700" spc="-8">
                <a:solidFill>
                  <a:schemeClr val="dk2"/>
                </a:solidFill>
                <a:latin typeface="Arial" panose="020B0604020202020204" pitchFamily="34" charset="0"/>
              </a:endParaRPr>
            </a:p>
          </p:txBody>
        </p:sp>
        <p:cxnSp>
          <p:nvCxnSpPr>
            <p:cNvPr id="136" name="Straight Connector 135">
              <a:extLst>
                <a:ext uri="{FF2B5EF4-FFF2-40B4-BE49-F238E27FC236}">
                  <a16:creationId xmlns:a16="http://schemas.microsoft.com/office/drawing/2014/main" id="{CE80CAB9-2050-1D5B-EFE7-C3DC89EC2CFC}"/>
                </a:ext>
              </a:extLst>
            </p:cNvPr>
            <p:cNvCxnSpPr>
              <a:cxnSpLocks/>
            </p:cNvCxnSpPr>
            <p:nvPr/>
          </p:nvCxnSpPr>
          <p:spPr>
            <a:xfrm flipV="1">
              <a:off x="9579774" y="3660426"/>
              <a:ext cx="0" cy="406400"/>
            </a:xfrm>
            <a:prstGeom prst="line">
              <a:avLst/>
            </a:prstGeom>
            <a:solidFill>
              <a:srgbClr val="69747C"/>
            </a:solidFill>
            <a:ln w="28575" cap="flat" cmpd="sng" algn="ctr">
              <a:solidFill>
                <a:srgbClr val="AA6BA0"/>
              </a:solidFill>
              <a:prstDash val="solid"/>
              <a:miter lim="800000"/>
              <a:headEnd type="diamond" w="med" len="med"/>
              <a:tailEnd type="diamond" w="med" len="med"/>
            </a:ln>
            <a:effectLst/>
          </p:spPr>
          <p:style>
            <a:lnRef idx="2">
              <a:schemeClr val="accent1">
                <a:shade val="50000"/>
              </a:schemeClr>
            </a:lnRef>
            <a:fillRef idx="1">
              <a:schemeClr val="accent1"/>
            </a:fillRef>
            <a:effectRef idx="0">
              <a:schemeClr val="accent1"/>
            </a:effectRef>
            <a:fontRef idx="minor">
              <a:schemeClr val="lt1"/>
            </a:fontRef>
          </p:style>
        </p:cxnSp>
        <p:sp>
          <p:nvSpPr>
            <p:cNvPr id="137" name="OTLSHAPE_M_4c0629c169b043b6bdb1df04ed12c257_Title">
              <a:extLst>
                <a:ext uri="{FF2B5EF4-FFF2-40B4-BE49-F238E27FC236}">
                  <a16:creationId xmlns:a16="http://schemas.microsoft.com/office/drawing/2014/main" id="{FA640159-173D-7E72-8C63-4040D21E4D36}"/>
                </a:ext>
              </a:extLst>
            </p:cNvPr>
            <p:cNvSpPr txBox="1"/>
            <p:nvPr>
              <p:custDataLst>
                <p:tags r:id="rId57"/>
              </p:custDataLst>
            </p:nvPr>
          </p:nvSpPr>
          <p:spPr>
            <a:xfrm>
              <a:off x="9277045" y="3395132"/>
              <a:ext cx="661842" cy="92577"/>
            </a:xfrm>
            <a:prstGeom prst="rect">
              <a:avLst/>
            </a:prstGeom>
            <a:noFill/>
          </p:spPr>
          <p:txBody>
            <a:bodyPr vert="horz" wrap="square" lIns="0" tIns="0" rIns="0" bIns="0" rtlCol="0" anchor="ctr" anchorCtr="0">
              <a:spAutoFit/>
            </a:bodyPr>
            <a:lstStyle/>
            <a:p>
              <a:pPr algn="ctr"/>
              <a:r>
                <a:rPr lang="en-GB" sz="700" b="1" spc="-6">
                  <a:solidFill>
                    <a:schemeClr val="dk1"/>
                  </a:solidFill>
                  <a:latin typeface="Arial" panose="020B0604020202020204" pitchFamily="34" charset="0"/>
                </a:rPr>
                <a:t>Workshop</a:t>
              </a:r>
            </a:p>
          </p:txBody>
        </p:sp>
        <p:sp>
          <p:nvSpPr>
            <p:cNvPr id="138" name="OTLSHAPE_M_4c0629c169b043b6bdb1df04ed12c257_Date">
              <a:extLst>
                <a:ext uri="{FF2B5EF4-FFF2-40B4-BE49-F238E27FC236}">
                  <a16:creationId xmlns:a16="http://schemas.microsoft.com/office/drawing/2014/main" id="{1656D67F-A3EB-391C-F0F4-6640E9A4E131}"/>
                </a:ext>
              </a:extLst>
            </p:cNvPr>
            <p:cNvSpPr txBox="1"/>
            <p:nvPr>
              <p:custDataLst>
                <p:tags r:id="rId58"/>
              </p:custDataLst>
            </p:nvPr>
          </p:nvSpPr>
          <p:spPr>
            <a:xfrm>
              <a:off x="9353967" y="3513253"/>
              <a:ext cx="507999" cy="92577"/>
            </a:xfrm>
            <a:prstGeom prst="rect">
              <a:avLst/>
            </a:prstGeom>
            <a:noFill/>
          </p:spPr>
          <p:txBody>
            <a:bodyPr vert="horz" wrap="square" lIns="0" tIns="0" rIns="0" bIns="0" rtlCol="0" anchor="ctr" anchorCtr="0">
              <a:spAutoFit/>
            </a:bodyPr>
            <a:lstStyle/>
            <a:p>
              <a:pPr algn="ctr"/>
              <a:r>
                <a:rPr lang="en-GB" sz="700" spc="-8">
                  <a:solidFill>
                    <a:schemeClr val="dk2"/>
                  </a:solidFill>
                  <a:latin typeface="Arial" panose="020B0604020202020204" pitchFamily="34" charset="0"/>
                </a:rPr>
                <a:t>Aug 25</a:t>
              </a:r>
              <a:r>
                <a:rPr lang="en-GB" sz="700" spc="-8" baseline="30000">
                  <a:solidFill>
                    <a:schemeClr val="dk2"/>
                  </a:solidFill>
                  <a:latin typeface="Arial" panose="020B0604020202020204" pitchFamily="34" charset="0"/>
                </a:rPr>
                <a:t>th</a:t>
              </a:r>
              <a:endParaRPr lang="en-GB" sz="700" spc="-8">
                <a:solidFill>
                  <a:schemeClr val="dk2"/>
                </a:solidFill>
                <a:latin typeface="Arial" panose="020B0604020202020204" pitchFamily="34" charset="0"/>
              </a:endParaRPr>
            </a:p>
          </p:txBody>
        </p:sp>
        <p:cxnSp>
          <p:nvCxnSpPr>
            <p:cNvPr id="139" name="Straight Connector 138">
              <a:extLst>
                <a:ext uri="{FF2B5EF4-FFF2-40B4-BE49-F238E27FC236}">
                  <a16:creationId xmlns:a16="http://schemas.microsoft.com/office/drawing/2014/main" id="{DC275898-218E-60F4-817C-24A01142A968}"/>
                </a:ext>
              </a:extLst>
            </p:cNvPr>
            <p:cNvCxnSpPr>
              <a:cxnSpLocks/>
            </p:cNvCxnSpPr>
            <p:nvPr/>
          </p:nvCxnSpPr>
          <p:spPr>
            <a:xfrm flipV="1">
              <a:off x="3173507" y="4063654"/>
              <a:ext cx="0" cy="367035"/>
            </a:xfrm>
            <a:prstGeom prst="line">
              <a:avLst/>
            </a:prstGeom>
            <a:solidFill>
              <a:srgbClr val="69747C"/>
            </a:solidFill>
            <a:ln w="28575" cap="flat" cmpd="sng" algn="ctr">
              <a:solidFill>
                <a:srgbClr val="FFC000"/>
              </a:solidFill>
              <a:prstDash val="solid"/>
              <a:miter lim="800000"/>
              <a:headEnd type="diamond" w="med" len="med"/>
              <a:tailEnd type="diamond" w="med" len="med"/>
            </a:ln>
            <a:effectLst/>
          </p:spPr>
          <p:style>
            <a:lnRef idx="2">
              <a:schemeClr val="accent1">
                <a:shade val="50000"/>
              </a:schemeClr>
            </a:lnRef>
            <a:fillRef idx="1">
              <a:schemeClr val="accent1"/>
            </a:fillRef>
            <a:effectRef idx="0">
              <a:schemeClr val="accent1"/>
            </a:effectRef>
            <a:fontRef idx="minor">
              <a:schemeClr val="lt1"/>
            </a:fontRef>
          </p:style>
        </p:cxnSp>
        <p:sp>
          <p:nvSpPr>
            <p:cNvPr id="140" name="OTLSHAPE_M_f4b4d16723454c5681b1256f82343087_Title">
              <a:extLst>
                <a:ext uri="{FF2B5EF4-FFF2-40B4-BE49-F238E27FC236}">
                  <a16:creationId xmlns:a16="http://schemas.microsoft.com/office/drawing/2014/main" id="{665C2DAE-9253-8E2F-BE6C-3EA9FDFB44AE}"/>
                </a:ext>
              </a:extLst>
            </p:cNvPr>
            <p:cNvSpPr txBox="1"/>
            <p:nvPr>
              <p:custDataLst>
                <p:tags r:id="rId59"/>
              </p:custDataLst>
            </p:nvPr>
          </p:nvSpPr>
          <p:spPr>
            <a:xfrm>
              <a:off x="2758209" y="4645490"/>
              <a:ext cx="830595" cy="92577"/>
            </a:xfrm>
            <a:prstGeom prst="rect">
              <a:avLst/>
            </a:prstGeom>
            <a:noFill/>
          </p:spPr>
          <p:txBody>
            <a:bodyPr vert="horz" wrap="square" lIns="0" tIns="0" rIns="0" bIns="0" rtlCol="0" anchor="ctr" anchorCtr="0">
              <a:spAutoFit/>
            </a:bodyPr>
            <a:lstStyle/>
            <a:p>
              <a:pPr algn="ctr"/>
              <a:r>
                <a:rPr lang="en-GB" sz="700" b="1" spc="-4">
                  <a:solidFill>
                    <a:schemeClr val="dk1"/>
                  </a:solidFill>
                  <a:latin typeface="Arial" panose="020B0604020202020204" pitchFamily="34" charset="0"/>
                </a:rPr>
                <a:t>Workshop</a:t>
              </a:r>
            </a:p>
          </p:txBody>
        </p:sp>
        <p:sp>
          <p:nvSpPr>
            <p:cNvPr id="141" name="OTLSHAPE_M_f4b4d16723454c5681b1256f82343087_Date">
              <a:extLst>
                <a:ext uri="{FF2B5EF4-FFF2-40B4-BE49-F238E27FC236}">
                  <a16:creationId xmlns:a16="http://schemas.microsoft.com/office/drawing/2014/main" id="{044860A5-C53F-931F-7801-A9C3853910FD}"/>
                </a:ext>
              </a:extLst>
            </p:cNvPr>
            <p:cNvSpPr txBox="1"/>
            <p:nvPr>
              <p:custDataLst>
                <p:tags r:id="rId60"/>
              </p:custDataLst>
            </p:nvPr>
          </p:nvSpPr>
          <p:spPr>
            <a:xfrm>
              <a:off x="2907640" y="4521989"/>
              <a:ext cx="556952" cy="92577"/>
            </a:xfrm>
            <a:prstGeom prst="rect">
              <a:avLst/>
            </a:prstGeom>
            <a:noFill/>
          </p:spPr>
          <p:txBody>
            <a:bodyPr vert="horz" wrap="square" lIns="0" tIns="0" rIns="0" bIns="0" rtlCol="0" anchor="ctr" anchorCtr="0">
              <a:spAutoFit/>
            </a:bodyPr>
            <a:lstStyle/>
            <a:p>
              <a:pPr algn="ctr"/>
              <a:r>
                <a:rPr lang="en-GB" sz="700" spc="-6">
                  <a:solidFill>
                    <a:schemeClr val="dk2"/>
                  </a:solidFill>
                  <a:latin typeface="Arial" panose="020B0604020202020204" pitchFamily="34" charset="0"/>
                </a:rPr>
                <a:t>April 18</a:t>
              </a:r>
              <a:r>
                <a:rPr lang="en-GB" sz="700" spc="-6" baseline="30000">
                  <a:solidFill>
                    <a:schemeClr val="dk2"/>
                  </a:solidFill>
                  <a:latin typeface="Arial" panose="020B0604020202020204" pitchFamily="34" charset="0"/>
                </a:rPr>
                <a:t>th</a:t>
              </a:r>
              <a:endParaRPr lang="en-GB" sz="700" spc="-6">
                <a:solidFill>
                  <a:schemeClr val="dk2"/>
                </a:solidFill>
                <a:latin typeface="Arial" panose="020B0604020202020204" pitchFamily="34" charset="0"/>
              </a:endParaRPr>
            </a:p>
          </p:txBody>
        </p:sp>
      </p:grpSp>
      <p:sp>
        <p:nvSpPr>
          <p:cNvPr id="2" name="Content Placeholder 2">
            <a:extLst>
              <a:ext uri="{FF2B5EF4-FFF2-40B4-BE49-F238E27FC236}">
                <a16:creationId xmlns:a16="http://schemas.microsoft.com/office/drawing/2014/main" id="{2C6EC7E0-D896-9875-7F2E-C071527E77E1}"/>
              </a:ext>
            </a:extLst>
          </p:cNvPr>
          <p:cNvSpPr txBox="1">
            <a:spLocks/>
          </p:cNvSpPr>
          <p:nvPr/>
        </p:nvSpPr>
        <p:spPr>
          <a:xfrm>
            <a:off x="603877" y="1165755"/>
            <a:ext cx="11233896" cy="4441033"/>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a:latin typeface="Arial" panose="020B0604020202020204" pitchFamily="34" charset="0"/>
                <a:cs typeface="Arial" panose="020B0604020202020204" pitchFamily="34" charset="0"/>
              </a:rPr>
              <a:t>Detailed schedule to be further developed in the first week of execution (reviewed and approved by the Client)</a:t>
            </a:r>
          </a:p>
          <a:p>
            <a:r>
              <a:rPr lang="en-US" sz="1600">
                <a:latin typeface="Arial" panose="020B0604020202020204" pitchFamily="34" charset="0"/>
                <a:cs typeface="Arial" panose="020B0604020202020204" pitchFamily="34" charset="0"/>
              </a:rPr>
              <a:t>Further optimization is possible with appropriate ways and approaches in communication, coordination, and integration </a:t>
            </a:r>
          </a:p>
        </p:txBody>
      </p:sp>
    </p:spTree>
    <p:extLst>
      <p:ext uri="{BB962C8B-B14F-4D97-AF65-F5344CB8AC3E}">
        <p14:creationId xmlns:p14="http://schemas.microsoft.com/office/powerpoint/2010/main" val="422973533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5360275" cy="461665"/>
          </a:xfrm>
          <a:prstGeom prst="rect">
            <a:avLst/>
          </a:prstGeom>
          <a:noFill/>
        </p:spPr>
        <p:txBody>
          <a:bodyPr wrap="square" rtlCol="0">
            <a:spAutoFit/>
          </a:bodyPr>
          <a:lstStyle/>
          <a:p>
            <a:r>
              <a:rPr lang="en-US" sz="2400" cap="all" spc="-136">
                <a:solidFill>
                  <a:schemeClr val="tx2"/>
                </a:solidFill>
              </a:rPr>
              <a:t>TEAM</a:t>
            </a:r>
          </a:p>
        </p:txBody>
      </p:sp>
      <p:sp>
        <p:nvSpPr>
          <p:cNvPr id="15" name="Content Placeholder 2">
            <a:extLst>
              <a:ext uri="{FF2B5EF4-FFF2-40B4-BE49-F238E27FC236}">
                <a16:creationId xmlns:a16="http://schemas.microsoft.com/office/drawing/2014/main" id="{7F54D3AB-182C-9D25-AC7D-64F88B3AD071}"/>
              </a:ext>
            </a:extLst>
          </p:cNvPr>
          <p:cNvSpPr>
            <a:spLocks noGrp="1"/>
          </p:cNvSpPr>
          <p:nvPr>
            <p:ph idx="1"/>
          </p:nvPr>
        </p:nvSpPr>
        <p:spPr>
          <a:xfrm>
            <a:off x="6714565" y="1219195"/>
            <a:ext cx="4968240" cy="3209369"/>
          </a:xfrm>
        </p:spPr>
        <p:txBody>
          <a:bodyPr>
            <a:noAutofit/>
          </a:bodyPr>
          <a:lstStyle/>
          <a:p>
            <a:pPr marL="0" indent="0">
              <a:buNone/>
            </a:pPr>
            <a:r>
              <a:rPr lang="en-US" sz="1400" b="1" u="sng">
                <a:latin typeface="Arial" panose="020B0604020202020204" pitchFamily="34" charset="0"/>
                <a:cs typeface="Arial" panose="020B0604020202020204" pitchFamily="34" charset="0"/>
              </a:rPr>
              <a:t>Dr. Nam Le </a:t>
            </a:r>
            <a:r>
              <a:rPr lang="en-US" sz="1400" b="1" i="1">
                <a:latin typeface="Arial" panose="020B0604020202020204" pitchFamily="34" charset="0"/>
                <a:cs typeface="Arial" panose="020B0604020202020204" pitchFamily="34" charset="0"/>
              </a:rPr>
              <a:t>- Risk and Resilience Specialist</a:t>
            </a:r>
          </a:p>
          <a:p>
            <a:pPr marL="0" indent="0">
              <a:buNone/>
            </a:pPr>
            <a:r>
              <a:rPr lang="en-US" sz="1400">
                <a:latin typeface="Arial" panose="020B0604020202020204" pitchFamily="34" charset="0"/>
                <a:cs typeface="Arial" panose="020B0604020202020204" pitchFamily="34" charset="0"/>
              </a:rPr>
              <a:t>More than 12 years plus conducting frontier researches on risk and resilience analysis and asset management using quantitative techniques and modelling (Japan and Switzerland). 7 years working in the Philippines and in Southeast Asia in technical due diligence, resilience engineering, reliability engineering.</a:t>
            </a:r>
          </a:p>
          <a:p>
            <a:pPr marL="0" indent="0">
              <a:buNone/>
            </a:pPr>
            <a:r>
              <a:rPr lang="en-US" sz="1400">
                <a:latin typeface="Arial" panose="020B0604020202020204" pitchFamily="34" charset="0"/>
                <a:cs typeface="Arial" panose="020B0604020202020204" pitchFamily="34" charset="0"/>
              </a:rPr>
              <a:t>Currently a Director of Arcadis and professor/chair of  urban risk and resilience team at UEH University, Vietnam, visiting lecturer at Singaporean University of Technology and Design (SUTD), member of Japanese Association of Asset Management.</a:t>
            </a:r>
          </a:p>
          <a:p>
            <a:pPr marL="0" indent="0">
              <a:buNone/>
            </a:pPr>
            <a:endParaRPr lang="en-US" sz="1400">
              <a:latin typeface="Arial" panose="020B0604020202020204" pitchFamily="34" charset="0"/>
              <a:cs typeface="Arial" panose="020B0604020202020204" pitchFamily="34" charset="0"/>
            </a:endParaRPr>
          </a:p>
          <a:p>
            <a:pPr marL="0" indent="0">
              <a:buNone/>
            </a:pPr>
            <a:r>
              <a:rPr lang="en-US" sz="1400" b="1" u="sng">
                <a:latin typeface="Arial" panose="020B0604020202020204" pitchFamily="34" charset="0"/>
                <a:cs typeface="Arial" panose="020B0604020202020204" pitchFamily="34" charset="0"/>
              </a:rPr>
              <a:t>Mark Ogot </a:t>
            </a:r>
            <a:r>
              <a:rPr lang="en-US" sz="1400" b="1" i="1">
                <a:latin typeface="Arial" panose="020B0604020202020204" pitchFamily="34" charset="0"/>
                <a:cs typeface="Arial" panose="020B0604020202020204" pitchFamily="34" charset="0"/>
              </a:rPr>
              <a:t>- Senior structural Engineer and TDD Specialist</a:t>
            </a:r>
          </a:p>
          <a:p>
            <a:pPr marL="0" indent="0">
              <a:buNone/>
            </a:pPr>
            <a:r>
              <a:rPr lang="en-US" sz="1400">
                <a:latin typeface="Arial" panose="020B0604020202020204" pitchFamily="34" charset="0"/>
                <a:cs typeface="Arial" panose="020B0604020202020204" pitchFamily="34" charset="0"/>
              </a:rPr>
              <a:t>Mr. Ogot is a civil/structural engineer who specialize in seismic design and risk and resilience assessment and technical due diligence. He has conducted a great number of TDD and seismic risk assessment and hazard assessment (typhoon and flood) in the Philippines. </a:t>
            </a:r>
          </a:p>
          <a:p>
            <a:pPr marL="0" indent="0">
              <a:buNone/>
            </a:pPr>
            <a:endParaRPr lang="en-US" sz="1400">
              <a:latin typeface="Arial" panose="020B0604020202020204" pitchFamily="34" charset="0"/>
              <a:cs typeface="Arial" panose="020B0604020202020204" pitchFamily="34" charset="0"/>
            </a:endParaRPr>
          </a:p>
        </p:txBody>
      </p:sp>
      <p:pic>
        <p:nvPicPr>
          <p:cNvPr id="3" name="Picture 2" descr="PowerPoint&#10;&#10;Description automatically generated">
            <a:extLst>
              <a:ext uri="{FF2B5EF4-FFF2-40B4-BE49-F238E27FC236}">
                <a16:creationId xmlns:a16="http://schemas.microsoft.com/office/drawing/2014/main" id="{C219CF25-8B62-5F41-895E-CD17E9CA37B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7071" y="1050299"/>
            <a:ext cx="5983641" cy="5057601"/>
          </a:xfrm>
          <a:prstGeom prst="rect">
            <a:avLst/>
          </a:prstGeom>
        </p:spPr>
      </p:pic>
    </p:spTree>
    <p:extLst>
      <p:ext uri="{BB962C8B-B14F-4D97-AF65-F5344CB8AC3E}">
        <p14:creationId xmlns:p14="http://schemas.microsoft.com/office/powerpoint/2010/main" val="377134492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 name="Title 8">
            <a:extLst>
              <a:ext uri="{FF2B5EF4-FFF2-40B4-BE49-F238E27FC236}">
                <a16:creationId xmlns:a16="http://schemas.microsoft.com/office/drawing/2014/main" id="{8F172025-D2CE-C1A4-402D-541E6996B447}"/>
              </a:ext>
            </a:extLst>
          </p:cNvPr>
          <p:cNvSpPr txBox="1">
            <a:spLocks/>
          </p:cNvSpPr>
          <p:nvPr/>
        </p:nvSpPr>
        <p:spPr>
          <a:xfrm>
            <a:off x="457200" y="1241571"/>
            <a:ext cx="2628900" cy="5029200"/>
          </a:xfrm>
          <a:prstGeom prst="rect">
            <a:avLst/>
          </a:prstGeom>
        </p:spPr>
        <p:txBody>
          <a:bodyPr vert="horz" lIns="0" tIns="0" rIns="0" bIns="0" rtlCol="0" anchor="t">
            <a:normAutofit/>
          </a:bodyPr>
          <a:lstStyle>
            <a:lvl1pPr algn="l" defTabSz="986912" rtl="0" eaLnBrk="1" latinLnBrk="0" hangingPunct="1">
              <a:lnSpc>
                <a:spcPct val="90000"/>
              </a:lnSpc>
              <a:spcBef>
                <a:spcPct val="0"/>
              </a:spcBef>
              <a:buNone/>
              <a:defRPr sz="4200" b="1" kern="1200">
                <a:solidFill>
                  <a:schemeClr val="accent1"/>
                </a:solidFill>
                <a:latin typeface="+mj-lt"/>
                <a:ea typeface="+mj-ea"/>
                <a:cs typeface="+mj-cs"/>
              </a:defRPr>
            </a:lvl1pPr>
          </a:lstStyle>
          <a:p>
            <a:pPr marL="0" marR="0" lvl="0" indent="0" algn="l" defTabSz="986912" rtl="0" eaLnBrk="1" fontAlgn="auto" latinLnBrk="0" hangingPunct="1">
              <a:lnSpc>
                <a:spcPct val="90000"/>
              </a:lnSpc>
              <a:spcBef>
                <a:spcPct val="0"/>
              </a:spcBef>
              <a:spcAft>
                <a:spcPts val="0"/>
              </a:spcAft>
              <a:buClrTx/>
              <a:buSzTx/>
              <a:buFontTx/>
              <a:buNone/>
              <a:tabLst/>
              <a:defRPr/>
            </a:pPr>
            <a:r>
              <a:rPr kumimoji="0" lang="en-US" sz="4200" b="1" i="0" u="none" strike="noStrike" kern="1200" cap="none" spc="0" normalizeH="0" baseline="0" noProof="0">
                <a:ln>
                  <a:noFill/>
                </a:ln>
                <a:solidFill>
                  <a:srgbClr val="E4610F"/>
                </a:solidFill>
                <a:effectLst/>
                <a:uLnTx/>
                <a:uFillTx/>
                <a:latin typeface="Arial"/>
                <a:ea typeface="+mj-ea"/>
                <a:cs typeface="+mj-cs"/>
              </a:rPr>
              <a:t>Agenda</a:t>
            </a:r>
            <a:endParaRPr kumimoji="0" lang="en-PH" sz="4200" b="1" i="0" u="none" strike="noStrike" kern="1200" cap="none" spc="0" normalizeH="0" baseline="0" noProof="0">
              <a:ln>
                <a:noFill/>
              </a:ln>
              <a:solidFill>
                <a:srgbClr val="E4610F"/>
              </a:solidFill>
              <a:effectLst/>
              <a:uLnTx/>
              <a:uFillTx/>
              <a:latin typeface="Arial"/>
              <a:ea typeface="+mj-ea"/>
              <a:cs typeface="+mj-cs"/>
            </a:endParaRPr>
          </a:p>
        </p:txBody>
      </p:sp>
      <p:sp>
        <p:nvSpPr>
          <p:cNvPr id="60" name="Text Placeholder 12">
            <a:extLst>
              <a:ext uri="{FF2B5EF4-FFF2-40B4-BE49-F238E27FC236}">
                <a16:creationId xmlns:a16="http://schemas.microsoft.com/office/drawing/2014/main" id="{E5337E63-2ACC-BFD9-AA15-281DD03BD3FE}"/>
              </a:ext>
            </a:extLst>
          </p:cNvPr>
          <p:cNvSpPr txBox="1">
            <a:spLocks/>
          </p:cNvSpPr>
          <p:nvPr/>
        </p:nvSpPr>
        <p:spPr>
          <a:xfrm>
            <a:off x="3086100" y="1782501"/>
            <a:ext cx="7109013" cy="4056927"/>
          </a:xfrm>
          <a:prstGeom prst="rect">
            <a:avLst/>
          </a:prstGeom>
        </p:spPr>
        <p:txBody>
          <a:bodyPr lIns="0" tIns="0" rIns="0" bIns="0" anchor="t"/>
          <a:lstStyle>
            <a:lvl1pPr marL="0" indent="0" algn="l" defTabSz="986912" rtl="0" eaLnBrk="1" latinLnBrk="0" hangingPunct="1">
              <a:lnSpc>
                <a:spcPct val="90000"/>
              </a:lnSpc>
              <a:spcBef>
                <a:spcPts val="300"/>
              </a:spcBef>
              <a:spcAft>
                <a:spcPts val="600"/>
              </a:spcAft>
              <a:buClr>
                <a:schemeClr val="bg1"/>
              </a:buClr>
              <a:buFont typeface="Arial" panose="020B0604020202020204" pitchFamily="34" charset="0"/>
              <a:buNone/>
              <a:defRPr lang="en-US" sz="1600" b="1" kern="1200">
                <a:solidFill>
                  <a:schemeClr val="accent1"/>
                </a:solidFill>
                <a:latin typeface="+mn-lt"/>
                <a:ea typeface="+mn-ea"/>
                <a:cs typeface="+mn-cs"/>
              </a:defRPr>
            </a:lvl1pPr>
            <a:lvl2pPr marL="270000" indent="-270000" algn="l" defTabSz="986912" rtl="0" eaLnBrk="1" latinLnBrk="0" hangingPunct="1">
              <a:lnSpc>
                <a:spcPct val="90000"/>
              </a:lnSpc>
              <a:spcBef>
                <a:spcPts val="600"/>
              </a:spcBef>
              <a:spcAft>
                <a:spcPts val="1200"/>
              </a:spcAft>
              <a:buClr>
                <a:schemeClr val="accent1"/>
              </a:buClr>
              <a:buFont typeface="Arial" panose="020B0604020202020204" pitchFamily="34" charset="0"/>
              <a:buChar char="•"/>
              <a:defRPr lang="en-US" sz="1400" kern="1200" dirty="0" smtClean="0">
                <a:solidFill>
                  <a:schemeClr val="tx1"/>
                </a:solidFill>
                <a:latin typeface="+mn-lt"/>
                <a:ea typeface="+mn-ea"/>
                <a:cs typeface="+mn-cs"/>
              </a:defRPr>
            </a:lvl2pPr>
            <a:lvl3pPr marL="540000" indent="-270000" algn="l" defTabSz="986912" rtl="0" eaLnBrk="1" latinLnBrk="0" hangingPunct="1">
              <a:lnSpc>
                <a:spcPct val="90000"/>
              </a:lnSpc>
              <a:spcBef>
                <a:spcPts val="600"/>
              </a:spcBef>
              <a:spcAft>
                <a:spcPts val="1200"/>
              </a:spcAft>
              <a:buClr>
                <a:schemeClr val="accent1"/>
              </a:buClr>
              <a:buFont typeface="Arial" panose="020B0604020202020204" pitchFamily="34" charset="0"/>
              <a:buChar char="–"/>
              <a:defRPr lang="en-US" sz="1400" kern="1200" dirty="0" smtClean="0">
                <a:solidFill>
                  <a:schemeClr val="tx1"/>
                </a:solidFill>
                <a:latin typeface="+mn-lt"/>
                <a:ea typeface="+mn-ea"/>
                <a:cs typeface="+mn-cs"/>
              </a:defRPr>
            </a:lvl3pPr>
            <a:lvl4pPr marL="809625" indent="-266700" algn="l" defTabSz="986912" rtl="0" eaLnBrk="1" latinLnBrk="0" hangingPunct="1">
              <a:lnSpc>
                <a:spcPct val="90000"/>
              </a:lnSpc>
              <a:spcBef>
                <a:spcPts val="600"/>
              </a:spcBef>
              <a:spcAft>
                <a:spcPts val="1200"/>
              </a:spcAft>
              <a:buClr>
                <a:schemeClr val="accent1"/>
              </a:buClr>
              <a:buFont typeface="Wingdings" panose="05000000000000000000" pitchFamily="2" charset="2"/>
              <a:buChar char="§"/>
              <a:tabLst>
                <a:tab pos="872115" algn="l"/>
              </a:tabLst>
              <a:defRPr lang="en-US" sz="1400" kern="1200" dirty="0">
                <a:solidFill>
                  <a:schemeClr val="tx1"/>
                </a:solidFill>
                <a:latin typeface="+mn-lt"/>
                <a:ea typeface="+mn-ea"/>
                <a:cs typeface="+mn-cs"/>
              </a:defRPr>
            </a:lvl4pPr>
            <a:lvl5pPr marL="1076325" indent="-266700" algn="l" defTabSz="986912" rtl="0" eaLnBrk="1" latinLnBrk="0" hangingPunct="1">
              <a:lnSpc>
                <a:spcPct val="90000"/>
              </a:lnSpc>
              <a:spcBef>
                <a:spcPts val="600"/>
              </a:spcBef>
              <a:spcAft>
                <a:spcPts val="1200"/>
              </a:spcAft>
              <a:buClr>
                <a:schemeClr val="accent1"/>
              </a:buClr>
              <a:buFont typeface="Arial" panose="020B0604020202020204" pitchFamily="34" charset="0"/>
              <a:buChar char="–"/>
              <a:defRPr sz="1400" kern="1200">
                <a:solidFill>
                  <a:schemeClr val="tx1"/>
                </a:solidFill>
                <a:latin typeface="+mn-lt"/>
                <a:ea typeface="+mn-ea"/>
                <a:cs typeface="+mn-cs"/>
              </a:defRPr>
            </a:lvl5pPr>
            <a:lvl6pPr marL="2714008" indent="-246728" algn="l" defTabSz="986912" rtl="0" eaLnBrk="1" latinLnBrk="0" hangingPunct="1">
              <a:lnSpc>
                <a:spcPct val="90000"/>
              </a:lnSpc>
              <a:spcBef>
                <a:spcPts val="540"/>
              </a:spcBef>
              <a:buFont typeface="Arial" panose="020B0604020202020204" pitchFamily="34" charset="0"/>
              <a:buChar char="•"/>
              <a:defRPr sz="1943" kern="1200">
                <a:solidFill>
                  <a:schemeClr val="tx1"/>
                </a:solidFill>
                <a:latin typeface="+mn-lt"/>
                <a:ea typeface="+mn-ea"/>
                <a:cs typeface="+mn-cs"/>
              </a:defRPr>
            </a:lvl6pPr>
            <a:lvl7pPr marL="3207464" indent="-246728" algn="l" defTabSz="986912" rtl="0" eaLnBrk="1" latinLnBrk="0" hangingPunct="1">
              <a:lnSpc>
                <a:spcPct val="90000"/>
              </a:lnSpc>
              <a:spcBef>
                <a:spcPts val="540"/>
              </a:spcBef>
              <a:buFont typeface="Arial" panose="020B0604020202020204" pitchFamily="34" charset="0"/>
              <a:buChar char="•"/>
              <a:defRPr sz="1943" kern="1200">
                <a:solidFill>
                  <a:schemeClr val="tx1"/>
                </a:solidFill>
                <a:latin typeface="+mn-lt"/>
                <a:ea typeface="+mn-ea"/>
                <a:cs typeface="+mn-cs"/>
              </a:defRPr>
            </a:lvl7pPr>
            <a:lvl8pPr marL="3700920" indent="-246728" algn="l" defTabSz="986912" rtl="0" eaLnBrk="1" latinLnBrk="0" hangingPunct="1">
              <a:lnSpc>
                <a:spcPct val="90000"/>
              </a:lnSpc>
              <a:spcBef>
                <a:spcPts val="540"/>
              </a:spcBef>
              <a:buFont typeface="Arial" panose="020B0604020202020204" pitchFamily="34" charset="0"/>
              <a:buChar char="•"/>
              <a:defRPr sz="1943" kern="1200">
                <a:solidFill>
                  <a:schemeClr val="tx1"/>
                </a:solidFill>
                <a:latin typeface="+mn-lt"/>
                <a:ea typeface="+mn-ea"/>
                <a:cs typeface="+mn-cs"/>
              </a:defRPr>
            </a:lvl8pPr>
            <a:lvl9pPr marL="4194376" indent="-246728" algn="l" defTabSz="986912" rtl="0" eaLnBrk="1" latinLnBrk="0" hangingPunct="1">
              <a:lnSpc>
                <a:spcPct val="90000"/>
              </a:lnSpc>
              <a:spcBef>
                <a:spcPts val="540"/>
              </a:spcBef>
              <a:buFont typeface="Arial" panose="020B0604020202020204" pitchFamily="34" charset="0"/>
              <a:buChar char="•"/>
              <a:defRPr sz="1943" kern="1200">
                <a:solidFill>
                  <a:schemeClr val="tx1"/>
                </a:solidFill>
                <a:latin typeface="+mn-lt"/>
                <a:ea typeface="+mn-ea"/>
                <a:cs typeface="+mn-cs"/>
              </a:defRPr>
            </a:lvl9pPr>
          </a:lstStyle>
          <a:p>
            <a:pPr marL="342900" marR="0" lvl="0" indent="-342900" algn="l" defTabSz="986912" rtl="0" eaLnBrk="1" fontAlgn="auto" latinLnBrk="0" hangingPunct="1">
              <a:lnSpc>
                <a:spcPct val="90000"/>
              </a:lnSpc>
              <a:spcBef>
                <a:spcPts val="300"/>
              </a:spcBef>
              <a:spcAft>
                <a:spcPts val="600"/>
              </a:spcAft>
              <a:buClrTx/>
              <a:buSzTx/>
              <a:buAutoNum type="arabicPeriod"/>
              <a:tabLst/>
              <a:defRPr/>
            </a:pPr>
            <a:r>
              <a:rPr lang="en-PH" sz="2000">
                <a:solidFill>
                  <a:srgbClr val="E4610F"/>
                </a:solidFill>
                <a:latin typeface="Arial"/>
              </a:rPr>
              <a:t>Project Understanding</a:t>
            </a:r>
          </a:p>
          <a:p>
            <a:pPr marL="342900" marR="0" lvl="0" indent="-342900" algn="l" defTabSz="986912" rtl="0" eaLnBrk="1" fontAlgn="auto" latinLnBrk="0" hangingPunct="1">
              <a:lnSpc>
                <a:spcPct val="90000"/>
              </a:lnSpc>
              <a:spcBef>
                <a:spcPts val="300"/>
              </a:spcBef>
              <a:spcAft>
                <a:spcPts val="600"/>
              </a:spcAft>
              <a:buClrTx/>
              <a:buSzTx/>
              <a:buAutoNum type="arabicPeriod"/>
              <a:tabLst/>
              <a:defRPr/>
            </a:pPr>
            <a:r>
              <a:rPr lang="en-PH" sz="2000">
                <a:solidFill>
                  <a:srgbClr val="E4610F"/>
                </a:solidFill>
                <a:latin typeface="Arial"/>
              </a:rPr>
              <a:t>Arcadis’s Experience in Resilience Analysis</a:t>
            </a:r>
            <a:endParaRPr lang="en-PH" sz="2000">
              <a:solidFill>
                <a:srgbClr val="E4610F"/>
              </a:solidFill>
              <a:latin typeface="Arial"/>
              <a:cs typeface="Arial"/>
            </a:endParaRPr>
          </a:p>
          <a:p>
            <a:pPr marL="342900" marR="0" lvl="0" indent="-342900" algn="l" defTabSz="986912" rtl="0" eaLnBrk="1" fontAlgn="auto" latinLnBrk="0" hangingPunct="1">
              <a:lnSpc>
                <a:spcPct val="90000"/>
              </a:lnSpc>
              <a:spcBef>
                <a:spcPts val="300"/>
              </a:spcBef>
              <a:spcAft>
                <a:spcPts val="600"/>
              </a:spcAft>
              <a:buClrTx/>
              <a:buSzTx/>
              <a:buAutoNum type="arabicPeriod"/>
              <a:tabLst/>
              <a:defRPr/>
            </a:pPr>
            <a:r>
              <a:rPr kumimoji="0" lang="en-PH" sz="2000" b="1" i="0" u="none" strike="noStrike" kern="1200" cap="none" spc="0" normalizeH="0" baseline="0" noProof="0">
                <a:ln>
                  <a:noFill/>
                </a:ln>
                <a:solidFill>
                  <a:srgbClr val="E4610F"/>
                </a:solidFill>
                <a:effectLst/>
                <a:uLnTx/>
                <a:uFillTx/>
                <a:latin typeface="Arial"/>
                <a:ea typeface="+mn-ea"/>
                <a:cs typeface="+mn-cs"/>
              </a:rPr>
              <a:t>Work Plan</a:t>
            </a:r>
            <a:endParaRPr lang="en-PH" sz="2000" b="1" i="0" u="none" strike="noStrike" kern="1200" cap="none" spc="0" normalizeH="0" baseline="0" noProof="0">
              <a:ln>
                <a:noFill/>
              </a:ln>
              <a:solidFill>
                <a:srgbClr val="E4610F"/>
              </a:solidFill>
              <a:effectLst/>
              <a:uLnTx/>
              <a:uFillTx/>
              <a:latin typeface="Arial"/>
              <a:cs typeface="Arial"/>
            </a:endParaRPr>
          </a:p>
          <a:p>
            <a:pPr marL="612775" lvl="1" indent="-342900">
              <a:spcBef>
                <a:spcPts val="300"/>
              </a:spcBef>
              <a:spcAft>
                <a:spcPts val="600"/>
              </a:spcAft>
              <a:buClrTx/>
              <a:defRPr/>
            </a:pPr>
            <a:r>
              <a:rPr lang="en-PH" sz="2000" i="1">
                <a:solidFill>
                  <a:srgbClr val="E4610F"/>
                </a:solidFill>
                <a:latin typeface="Arial"/>
              </a:rPr>
              <a:t>Approaches and Methodologies</a:t>
            </a:r>
            <a:endParaRPr lang="en-PH" sz="2000" i="1">
              <a:solidFill>
                <a:srgbClr val="E4610F"/>
              </a:solidFill>
              <a:latin typeface="Arial"/>
              <a:cs typeface="Arial"/>
            </a:endParaRPr>
          </a:p>
          <a:p>
            <a:pPr marL="612775" lvl="1" indent="-342900">
              <a:spcBef>
                <a:spcPts val="300"/>
              </a:spcBef>
              <a:spcAft>
                <a:spcPts val="600"/>
              </a:spcAft>
              <a:buClrTx/>
              <a:defRPr/>
            </a:pPr>
            <a:r>
              <a:rPr kumimoji="0" lang="en-PH" sz="2000" i="1" u="none" strike="noStrike" kern="1200" cap="none" spc="0" normalizeH="0" baseline="0" noProof="0">
                <a:ln>
                  <a:noFill/>
                </a:ln>
                <a:solidFill>
                  <a:srgbClr val="E4610F"/>
                </a:solidFill>
                <a:effectLst/>
                <a:uLnTx/>
                <a:uFillTx/>
                <a:latin typeface="Arial"/>
                <a:ea typeface="+mn-ea"/>
                <a:cs typeface="+mn-cs"/>
              </a:rPr>
              <a:t>Workflow and Deliverables</a:t>
            </a:r>
            <a:endParaRPr lang="en-PH" sz="2000" i="1" u="none" strike="noStrike" kern="1200" cap="none" spc="0" normalizeH="0" baseline="0" noProof="0">
              <a:ln>
                <a:noFill/>
              </a:ln>
              <a:solidFill>
                <a:srgbClr val="E4610F"/>
              </a:solidFill>
              <a:effectLst/>
              <a:uLnTx/>
              <a:uFillTx/>
              <a:latin typeface="Arial"/>
              <a:cs typeface="Arial"/>
            </a:endParaRPr>
          </a:p>
          <a:p>
            <a:pPr marL="342900" indent="-342900">
              <a:buClrTx/>
              <a:buFont typeface="Arial" panose="020B0604020202020204" pitchFamily="34" charset="0"/>
              <a:buAutoNum type="arabicPeriod"/>
              <a:defRPr/>
            </a:pPr>
            <a:r>
              <a:rPr lang="en-PH" sz="2000">
                <a:solidFill>
                  <a:srgbClr val="E4610F"/>
                </a:solidFill>
                <a:latin typeface="Arial"/>
              </a:rPr>
              <a:t>Optimized Schedule</a:t>
            </a:r>
            <a:endParaRPr lang="en-PH" sz="2000">
              <a:solidFill>
                <a:srgbClr val="E4610F"/>
              </a:solidFill>
              <a:latin typeface="Arial"/>
              <a:cs typeface="Arial"/>
            </a:endParaRPr>
          </a:p>
          <a:p>
            <a:pPr marL="342900" indent="-342900">
              <a:buClrTx/>
              <a:buFont typeface="Arial" panose="020B0604020202020204" pitchFamily="34" charset="0"/>
              <a:buAutoNum type="arabicPeriod"/>
              <a:defRPr/>
            </a:pPr>
            <a:r>
              <a:rPr lang="en-PH" sz="2000">
                <a:solidFill>
                  <a:srgbClr val="E4610F"/>
                </a:solidFill>
                <a:latin typeface="Arial"/>
              </a:rPr>
              <a:t>Project Delivery Team</a:t>
            </a:r>
            <a:endParaRPr lang="en-PH" sz="2000">
              <a:solidFill>
                <a:srgbClr val="E4610F"/>
              </a:solidFill>
              <a:latin typeface="Arial"/>
              <a:cs typeface="Arial"/>
            </a:endParaRPr>
          </a:p>
          <a:p>
            <a:pPr marL="342900" marR="0" lvl="0" indent="-342900" algn="l" defTabSz="986912" rtl="0" eaLnBrk="1" fontAlgn="auto" latinLnBrk="0" hangingPunct="1">
              <a:lnSpc>
                <a:spcPct val="90000"/>
              </a:lnSpc>
              <a:spcBef>
                <a:spcPts val="300"/>
              </a:spcBef>
              <a:spcAft>
                <a:spcPts val="600"/>
              </a:spcAft>
              <a:buClrTx/>
              <a:buSzTx/>
              <a:buAutoNum type="arabicPeriod"/>
              <a:tabLst/>
              <a:defRPr/>
            </a:pPr>
            <a:r>
              <a:rPr kumimoji="0" lang="en-PH" sz="2000" b="1" i="0" u="none" strike="noStrike" kern="1200" cap="none" spc="0" normalizeH="0" baseline="0" noProof="0">
                <a:ln>
                  <a:noFill/>
                </a:ln>
                <a:solidFill>
                  <a:srgbClr val="E4610F"/>
                </a:solidFill>
                <a:effectLst/>
                <a:uLnTx/>
                <a:uFillTx/>
                <a:latin typeface="Arial"/>
                <a:ea typeface="+mn-ea"/>
                <a:cs typeface="+mn-cs"/>
              </a:rPr>
              <a:t>Discussion</a:t>
            </a:r>
            <a:endParaRPr lang="en-PH" sz="2000" b="1">
              <a:solidFill>
                <a:srgbClr val="E4610F"/>
              </a:solidFill>
              <a:latin typeface="Arial"/>
              <a:cs typeface="Arial"/>
            </a:endParaRPr>
          </a:p>
          <a:p>
            <a:pPr marL="612775" lvl="1" indent="-342900">
              <a:spcBef>
                <a:spcPts val="300"/>
              </a:spcBef>
              <a:spcAft>
                <a:spcPts val="600"/>
              </a:spcAft>
              <a:buClrTx/>
              <a:buAutoNum type="arabicPeriod"/>
              <a:defRPr/>
            </a:pPr>
            <a:endParaRPr lang="en-PH" sz="2000" b="1" i="0" u="none" strike="noStrike" kern="1200" cap="none" spc="0" normalizeH="0" baseline="0" noProof="0">
              <a:ln>
                <a:noFill/>
              </a:ln>
              <a:solidFill>
                <a:srgbClr val="E4610F"/>
              </a:solidFill>
              <a:effectLst/>
              <a:uLnTx/>
              <a:uFillTx/>
              <a:latin typeface="Arial"/>
              <a:cs typeface="Arial"/>
            </a:endParaRPr>
          </a:p>
          <a:p>
            <a:pPr marL="342900" marR="0" lvl="0" indent="-342900" algn="l" defTabSz="986912" rtl="0" eaLnBrk="1" fontAlgn="auto" latinLnBrk="0" hangingPunct="1">
              <a:lnSpc>
                <a:spcPct val="90000"/>
              </a:lnSpc>
              <a:spcBef>
                <a:spcPts val="300"/>
              </a:spcBef>
              <a:spcAft>
                <a:spcPts val="600"/>
              </a:spcAft>
              <a:buClrTx/>
              <a:buSzTx/>
              <a:buFont typeface="+mj-lt"/>
              <a:buAutoNum type="arabicPeriod"/>
              <a:tabLst/>
              <a:defRPr/>
            </a:pPr>
            <a:endParaRPr kumimoji="0" lang="en-PH" sz="2000" b="1" i="0" u="none" strike="noStrike" kern="1200" cap="none" spc="0" normalizeH="0" baseline="0" noProof="0">
              <a:ln>
                <a:noFill/>
              </a:ln>
              <a:solidFill>
                <a:srgbClr val="E4610F"/>
              </a:solidFill>
              <a:effectLst/>
              <a:uLnTx/>
              <a:uFillTx/>
              <a:latin typeface="Arial"/>
              <a:ea typeface="+mn-ea"/>
              <a:cs typeface="+mn-cs"/>
            </a:endParaRPr>
          </a:p>
        </p:txBody>
      </p:sp>
    </p:spTree>
    <p:extLst>
      <p:ext uri="{BB962C8B-B14F-4D97-AF65-F5344CB8AC3E}">
        <p14:creationId xmlns:p14="http://schemas.microsoft.com/office/powerpoint/2010/main" val="75060233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7848736F-4E10-CD2D-64FD-9E7C6344DB9E}"/>
              </a:ext>
            </a:extLst>
          </p:cNvPr>
          <p:cNvSpPr>
            <a:spLocks noGrp="1"/>
          </p:cNvSpPr>
          <p:nvPr>
            <p:ph idx="1"/>
          </p:nvPr>
        </p:nvSpPr>
        <p:spPr>
          <a:xfrm>
            <a:off x="634864" y="1056840"/>
            <a:ext cx="6563795" cy="2731287"/>
          </a:xfrm>
        </p:spPr>
        <p:txBody>
          <a:bodyPr>
            <a:normAutofit/>
          </a:bodyPr>
          <a:lstStyle/>
          <a:p>
            <a:r>
              <a:rPr lang="en-US" sz="1600">
                <a:latin typeface="Arial" panose="020B0604020202020204" pitchFamily="34" charset="0"/>
                <a:cs typeface="Arial" panose="020B0604020202020204" pitchFamily="34" charset="0"/>
              </a:rPr>
              <a:t>Vulnerable to most natural hazards</a:t>
            </a:r>
          </a:p>
          <a:p>
            <a:r>
              <a:rPr lang="en-US" sz="1600">
                <a:latin typeface="Arial" panose="020B0604020202020204" pitchFamily="34" charset="0"/>
                <a:cs typeface="Arial" panose="020B0604020202020204" pitchFamily="34" charset="0"/>
              </a:rPr>
              <a:t>Jails are densely populated.</a:t>
            </a:r>
          </a:p>
          <a:p>
            <a:r>
              <a:rPr lang="en-US" sz="1600">
                <a:latin typeface="Arial" panose="020B0604020202020204" pitchFamily="34" charset="0"/>
                <a:cs typeface="Arial" panose="020B0604020202020204" pitchFamily="34" charset="0"/>
              </a:rPr>
              <a:t>Capacity and resilience of jails facilities are in question.</a:t>
            </a:r>
          </a:p>
        </p:txBody>
      </p:sp>
      <p:sp>
        <p:nvSpPr>
          <p:cNvPr id="4" name="TextBox 3">
            <a:extLst>
              <a:ext uri="{FF2B5EF4-FFF2-40B4-BE49-F238E27FC236}">
                <a16:creationId xmlns:a16="http://schemas.microsoft.com/office/drawing/2014/main" id="{B874381D-3683-E1CA-4051-FAF5437746BA}"/>
              </a:ext>
            </a:extLst>
          </p:cNvPr>
          <p:cNvSpPr txBox="1"/>
          <p:nvPr/>
        </p:nvSpPr>
        <p:spPr>
          <a:xfrm>
            <a:off x="603877" y="477209"/>
            <a:ext cx="5360275" cy="461665"/>
          </a:xfrm>
          <a:prstGeom prst="rect">
            <a:avLst/>
          </a:prstGeom>
          <a:noFill/>
        </p:spPr>
        <p:txBody>
          <a:bodyPr wrap="square" rtlCol="0">
            <a:spAutoFit/>
          </a:bodyPr>
          <a:lstStyle/>
          <a:p>
            <a:r>
              <a:rPr lang="en-US" sz="2400" cap="all" spc="-136">
                <a:solidFill>
                  <a:schemeClr val="tx2"/>
                </a:solidFill>
              </a:rPr>
              <a:t>Project UNDERSTANDING (1)</a:t>
            </a:r>
          </a:p>
        </p:txBody>
      </p:sp>
      <p:pic>
        <p:nvPicPr>
          <p:cNvPr id="24" name="Picture 23">
            <a:extLst>
              <a:ext uri="{FF2B5EF4-FFF2-40B4-BE49-F238E27FC236}">
                <a16:creationId xmlns:a16="http://schemas.microsoft.com/office/drawing/2014/main" id="{D288FB33-C432-C0BA-9B36-A6DE252B1A41}"/>
              </a:ext>
            </a:extLst>
          </p:cNvPr>
          <p:cNvPicPr>
            <a:picLocks noChangeAspect="1"/>
          </p:cNvPicPr>
          <p:nvPr/>
        </p:nvPicPr>
        <p:blipFill>
          <a:blip r:embed="rId3"/>
          <a:stretch>
            <a:fillRect/>
          </a:stretch>
        </p:blipFill>
        <p:spPr>
          <a:xfrm>
            <a:off x="7311959" y="1056840"/>
            <a:ext cx="4303614" cy="5679494"/>
          </a:xfrm>
          <a:prstGeom prst="rect">
            <a:avLst/>
          </a:prstGeom>
        </p:spPr>
      </p:pic>
      <p:pic>
        <p:nvPicPr>
          <p:cNvPr id="4098" name="Picture 2">
            <a:extLst>
              <a:ext uri="{FF2B5EF4-FFF2-40B4-BE49-F238E27FC236}">
                <a16:creationId xmlns:a16="http://schemas.microsoft.com/office/drawing/2014/main" id="{7C79449B-18AD-054C-E256-7128B6D90CF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81318" y="2208121"/>
            <a:ext cx="6095997" cy="4212167"/>
          </a:xfrm>
          <a:prstGeom prst="rect">
            <a:avLst/>
          </a:prstGeom>
          <a:noFill/>
          <a:extLst>
            <a:ext uri="{909E8E84-426E-40DD-AFC4-6F175D3DCCD1}">
              <a14:hiddenFill xmlns:a14="http://schemas.microsoft.com/office/drawing/2010/main">
                <a:solidFill>
                  <a:srgbClr val="FFFFFF"/>
                </a:solidFill>
              </a14:hiddenFill>
            </a:ext>
          </a:extLst>
        </p:spPr>
      </p:pic>
      <p:sp>
        <p:nvSpPr>
          <p:cNvPr id="27" name="Rectangle 26">
            <a:extLst>
              <a:ext uri="{FF2B5EF4-FFF2-40B4-BE49-F238E27FC236}">
                <a16:creationId xmlns:a16="http://schemas.microsoft.com/office/drawing/2014/main" id="{2D7CF633-4D3B-732F-4A64-E50F50EF496B}"/>
              </a:ext>
            </a:extLst>
          </p:cNvPr>
          <p:cNvSpPr/>
          <p:nvPr/>
        </p:nvSpPr>
        <p:spPr>
          <a:xfrm>
            <a:off x="6122589" y="3505200"/>
            <a:ext cx="735106" cy="2295960"/>
          </a:xfrm>
          <a:prstGeom prst="rect">
            <a:avLst/>
          </a:prstGeom>
          <a:solidFill>
            <a:srgbClr val="FF0000">
              <a:alpha val="22000"/>
            </a:srgbClr>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26" name="Picture 2" descr="Inside the Philippines' Quezon City jail | Daily Mail Online">
            <a:extLst>
              <a:ext uri="{FF2B5EF4-FFF2-40B4-BE49-F238E27FC236}">
                <a16:creationId xmlns:a16="http://schemas.microsoft.com/office/drawing/2014/main" id="{D814F771-6206-DB54-2FD1-AA79AAF63570}"/>
              </a:ext>
            </a:extLst>
          </p:cNvPr>
          <p:cNvPicPr>
            <a:picLocks noChangeAspect="1" noChangeArrowheads="1"/>
          </p:cNvPicPr>
          <p:nvPr/>
        </p:nvPicPr>
        <p:blipFill>
          <a:blip r:embed="rId5">
            <a:alphaModFix amt="47000"/>
            <a:extLst>
              <a:ext uri="{28A0092B-C50C-407E-A947-70E740481C1C}">
                <a14:useLocalDpi xmlns:a14="http://schemas.microsoft.com/office/drawing/2010/main" val="0"/>
              </a:ext>
            </a:extLst>
          </a:blip>
          <a:srcRect/>
          <a:stretch>
            <a:fillRect/>
          </a:stretch>
        </p:blipFill>
        <p:spPr bwMode="auto">
          <a:xfrm>
            <a:off x="7311959" y="5284779"/>
            <a:ext cx="2181868" cy="145155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070197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grpId="0" nodeType="clickEffect">
                                  <p:stCondLst>
                                    <p:cond delay="0"/>
                                  </p:stCondLst>
                                  <p:childTnLst>
                                    <p:set>
                                      <p:cBhvr>
                                        <p:cTn id="6" dur="1" fill="hold">
                                          <p:stCondLst>
                                            <p:cond delay="0"/>
                                          </p:stCondLst>
                                        </p:cTn>
                                        <p:tgtEl>
                                          <p:spTgt spid="27"/>
                                        </p:tgtEl>
                                        <p:attrNameLst>
                                          <p:attrName>style.visibility</p:attrName>
                                        </p:attrNameLst>
                                      </p:cBhvr>
                                      <p:to>
                                        <p:strVal val="visible"/>
                                      </p:to>
                                    </p:set>
                                    <p:animEffect transition="in" filter="barn(inVertical)">
                                      <p:cBhvr>
                                        <p:cTn id="7" dur="5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7"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7848736F-4E10-CD2D-64FD-9E7C6344DB9E}"/>
              </a:ext>
            </a:extLst>
          </p:cNvPr>
          <p:cNvSpPr>
            <a:spLocks noGrp="1"/>
          </p:cNvSpPr>
          <p:nvPr>
            <p:ph idx="1"/>
          </p:nvPr>
        </p:nvSpPr>
        <p:spPr>
          <a:xfrm>
            <a:off x="634864" y="959560"/>
            <a:ext cx="10967259" cy="3485980"/>
          </a:xfrm>
        </p:spPr>
        <p:txBody>
          <a:bodyPr>
            <a:noAutofit/>
          </a:bodyPr>
          <a:lstStyle/>
          <a:p>
            <a:r>
              <a:rPr lang="en-US" sz="1400">
                <a:latin typeface="Arial" panose="020B0604020202020204" pitchFamily="34" charset="0"/>
                <a:cs typeface="Arial" panose="020B0604020202020204" pitchFamily="34" charset="0"/>
              </a:rPr>
              <a:t>Scientific, engineering, and technology-based assessment and evaluation for</a:t>
            </a:r>
          </a:p>
          <a:p>
            <a:pPr lvl="1"/>
            <a:r>
              <a:rPr lang="en-US" sz="1400" i="1">
                <a:latin typeface="Arial" panose="020B0604020202020204" pitchFamily="34" charset="0"/>
                <a:cs typeface="Arial" panose="020B0604020202020204" pitchFamily="34" charset="0"/>
              </a:rPr>
              <a:t>Capacity</a:t>
            </a:r>
          </a:p>
          <a:p>
            <a:pPr lvl="1"/>
            <a:r>
              <a:rPr lang="en-US" sz="1400" i="1">
                <a:latin typeface="Arial" panose="020B0604020202020204" pitchFamily="34" charset="0"/>
                <a:cs typeface="Arial" panose="020B0604020202020204" pitchFamily="34" charset="0"/>
              </a:rPr>
              <a:t>Vulnerability</a:t>
            </a:r>
          </a:p>
          <a:p>
            <a:pPr lvl="1"/>
            <a:r>
              <a:rPr lang="en-US" sz="1400" i="1">
                <a:latin typeface="Arial" panose="020B0604020202020204" pitchFamily="34" charset="0"/>
                <a:cs typeface="Arial" panose="020B0604020202020204" pitchFamily="34" charset="0"/>
              </a:rPr>
              <a:t>Hazards</a:t>
            </a:r>
          </a:p>
          <a:p>
            <a:pPr lvl="1"/>
            <a:r>
              <a:rPr lang="en-US" sz="1400" i="1">
                <a:latin typeface="Arial" panose="020B0604020202020204" pitchFamily="34" charset="0"/>
                <a:cs typeface="Arial" panose="020B0604020202020204" pitchFamily="34" charset="0"/>
              </a:rPr>
              <a:t>Risks</a:t>
            </a:r>
          </a:p>
          <a:p>
            <a:r>
              <a:rPr lang="en-US" sz="1400">
                <a:latin typeface="Arial" panose="020B0604020202020204" pitchFamily="34" charset="0"/>
                <a:cs typeface="Arial" panose="020B0604020202020204" pitchFamily="34" charset="0"/>
              </a:rPr>
              <a:t>Quantitative analysis with development of questionnaire and conducting a series of lesson learnt with target audiences (e.g. jail operators and staff, concerned stakeholders).</a:t>
            </a:r>
          </a:p>
          <a:p>
            <a:r>
              <a:rPr lang="en-US" sz="1400">
                <a:latin typeface="Arial" panose="020B0604020202020204" pitchFamily="34" charset="0"/>
                <a:cs typeface="Arial" panose="020B0604020202020204" pitchFamily="34" charset="0"/>
              </a:rPr>
              <a:t>Optimal interventions (e.g. conceptual design, disaster risk management plan, institutional capacity) to increase the resilience of the facilities and mitigate possible risks.</a:t>
            </a:r>
          </a:p>
          <a:p>
            <a:pPr lvl="1"/>
            <a:r>
              <a:rPr lang="en-US" sz="1400">
                <a:latin typeface="Arial" panose="020B0604020202020204" pitchFamily="34" charset="0"/>
                <a:cs typeface="Arial" panose="020B0604020202020204" pitchFamily="34" charset="0"/>
              </a:rPr>
              <a:t>Multiple Criterial Decision Analysis (MCDA) </a:t>
            </a:r>
          </a:p>
          <a:p>
            <a:pPr lvl="1"/>
            <a:r>
              <a:rPr lang="en-US" sz="1400">
                <a:latin typeface="Arial" panose="020B0604020202020204" pitchFamily="34" charset="0"/>
                <a:cs typeface="Arial" panose="020B0604020202020204" pitchFamily="34" charset="0"/>
              </a:rPr>
              <a:t>Workshops</a:t>
            </a:r>
          </a:p>
          <a:p>
            <a:r>
              <a:rPr lang="en-US" sz="1400">
                <a:latin typeface="Arial" panose="020B0604020202020204" pitchFamily="34" charset="0"/>
                <a:cs typeface="Arial" panose="020B0604020202020204" pitchFamily="34" charset="0"/>
              </a:rPr>
              <a:t>Reporting</a:t>
            </a:r>
          </a:p>
          <a:p>
            <a:endParaRPr lang="en-US" sz="1400">
              <a:latin typeface="Arial" panose="020B0604020202020204" pitchFamily="34" charset="0"/>
              <a:cs typeface="Arial" panose="020B0604020202020204" pitchFamily="34" charset="0"/>
            </a:endParaRPr>
          </a:p>
        </p:txBody>
      </p:sp>
      <p:sp>
        <p:nvSpPr>
          <p:cNvPr id="4" name="TextBox 3">
            <a:extLst>
              <a:ext uri="{FF2B5EF4-FFF2-40B4-BE49-F238E27FC236}">
                <a16:creationId xmlns:a16="http://schemas.microsoft.com/office/drawing/2014/main" id="{B874381D-3683-E1CA-4051-FAF5437746BA}"/>
              </a:ext>
            </a:extLst>
          </p:cNvPr>
          <p:cNvSpPr txBox="1"/>
          <p:nvPr/>
        </p:nvSpPr>
        <p:spPr>
          <a:xfrm>
            <a:off x="603877" y="477209"/>
            <a:ext cx="5360275" cy="461665"/>
          </a:xfrm>
          <a:prstGeom prst="rect">
            <a:avLst/>
          </a:prstGeom>
          <a:noFill/>
        </p:spPr>
        <p:txBody>
          <a:bodyPr wrap="square" rtlCol="0">
            <a:spAutoFit/>
          </a:bodyPr>
          <a:lstStyle/>
          <a:p>
            <a:r>
              <a:rPr lang="en-US" sz="2400" cap="all" spc="-136">
                <a:solidFill>
                  <a:schemeClr val="tx2"/>
                </a:solidFill>
              </a:rPr>
              <a:t>Project UNDERSTANDING (2)</a:t>
            </a:r>
          </a:p>
        </p:txBody>
      </p:sp>
      <p:pic>
        <p:nvPicPr>
          <p:cNvPr id="2" name="Picture 1">
            <a:extLst>
              <a:ext uri="{FF2B5EF4-FFF2-40B4-BE49-F238E27FC236}">
                <a16:creationId xmlns:a16="http://schemas.microsoft.com/office/drawing/2014/main" id="{30B77FC9-F2D9-B77F-9B8B-4A802F0E70D0}"/>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15237"/>
          <a:stretch/>
        </p:blipFill>
        <p:spPr>
          <a:xfrm>
            <a:off x="717176" y="4243187"/>
            <a:ext cx="3007629" cy="1996248"/>
          </a:xfrm>
          <a:prstGeom prst="rect">
            <a:avLst/>
          </a:prstGeom>
        </p:spPr>
      </p:pic>
      <p:pic>
        <p:nvPicPr>
          <p:cNvPr id="5122" name="Picture 2" descr="A Homecoming at Taal Volcano: 'Everything's Gone in the Blink of an Eye.' -  The New York Times">
            <a:extLst>
              <a:ext uri="{FF2B5EF4-FFF2-40B4-BE49-F238E27FC236}">
                <a16:creationId xmlns:a16="http://schemas.microsoft.com/office/drawing/2014/main" id="{223378D3-2972-173B-F229-24F8508F34F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592185" y="4243187"/>
            <a:ext cx="3007629" cy="2004468"/>
          </a:xfrm>
          <a:prstGeom prst="rect">
            <a:avLst/>
          </a:prstGeom>
          <a:noFill/>
          <a:extLst>
            <a:ext uri="{909E8E84-426E-40DD-AFC4-6F175D3DCCD1}">
              <a14:hiddenFill xmlns:a14="http://schemas.microsoft.com/office/drawing/2010/main">
                <a:solidFill>
                  <a:srgbClr val="FFFFFF"/>
                </a:solidFill>
              </a14:hiddenFill>
            </a:ext>
          </a:extLst>
        </p:spPr>
      </p:pic>
      <p:pic>
        <p:nvPicPr>
          <p:cNvPr id="5124" name="Picture 4">
            <a:extLst>
              <a:ext uri="{FF2B5EF4-FFF2-40B4-BE49-F238E27FC236}">
                <a16:creationId xmlns:a16="http://schemas.microsoft.com/office/drawing/2014/main" id="{5F000A46-3F15-605D-73CF-384DDB39C5A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567572" y="4243187"/>
            <a:ext cx="3048000" cy="2019300"/>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68A8AEA8-22DD-163B-33D3-FC491E1C14A8}"/>
              </a:ext>
            </a:extLst>
          </p:cNvPr>
          <p:cNvSpPr txBox="1"/>
          <p:nvPr/>
        </p:nvSpPr>
        <p:spPr>
          <a:xfrm>
            <a:off x="8567572" y="6262487"/>
            <a:ext cx="2725746" cy="369332"/>
          </a:xfrm>
          <a:prstGeom prst="rect">
            <a:avLst/>
          </a:prstGeom>
          <a:noFill/>
        </p:spPr>
        <p:txBody>
          <a:bodyPr wrap="none" rtlCol="0">
            <a:spAutoFit/>
          </a:bodyPr>
          <a:lstStyle/>
          <a:p>
            <a:r>
              <a:rPr lang="en-US"/>
              <a:t>Batangas Earthquake, 2017</a:t>
            </a:r>
            <a:endParaRPr lang="en-PH"/>
          </a:p>
        </p:txBody>
      </p:sp>
      <p:sp>
        <p:nvSpPr>
          <p:cNvPr id="6" name="TextBox 5">
            <a:extLst>
              <a:ext uri="{FF2B5EF4-FFF2-40B4-BE49-F238E27FC236}">
                <a16:creationId xmlns:a16="http://schemas.microsoft.com/office/drawing/2014/main" id="{1A90B963-0D3C-640E-33E6-326A067C9CC0}"/>
              </a:ext>
            </a:extLst>
          </p:cNvPr>
          <p:cNvSpPr txBox="1"/>
          <p:nvPr/>
        </p:nvSpPr>
        <p:spPr>
          <a:xfrm>
            <a:off x="4592185" y="6239435"/>
            <a:ext cx="2792559" cy="369332"/>
          </a:xfrm>
          <a:prstGeom prst="rect">
            <a:avLst/>
          </a:prstGeom>
          <a:noFill/>
        </p:spPr>
        <p:txBody>
          <a:bodyPr wrap="none" rtlCol="0">
            <a:spAutoFit/>
          </a:bodyPr>
          <a:lstStyle/>
          <a:p>
            <a:r>
              <a:rPr lang="en-US"/>
              <a:t>Taal Volcano Eruption, 2020</a:t>
            </a:r>
            <a:endParaRPr lang="en-PH"/>
          </a:p>
        </p:txBody>
      </p:sp>
      <p:sp>
        <p:nvSpPr>
          <p:cNvPr id="7" name="TextBox 6">
            <a:extLst>
              <a:ext uri="{FF2B5EF4-FFF2-40B4-BE49-F238E27FC236}">
                <a16:creationId xmlns:a16="http://schemas.microsoft.com/office/drawing/2014/main" id="{5965C9EF-4CC0-0EEB-972E-9DEA979BDC5A}"/>
              </a:ext>
            </a:extLst>
          </p:cNvPr>
          <p:cNvSpPr txBox="1"/>
          <p:nvPr/>
        </p:nvSpPr>
        <p:spPr>
          <a:xfrm>
            <a:off x="653187" y="6262487"/>
            <a:ext cx="2283189" cy="369332"/>
          </a:xfrm>
          <a:prstGeom prst="rect">
            <a:avLst/>
          </a:prstGeom>
          <a:noFill/>
        </p:spPr>
        <p:txBody>
          <a:bodyPr wrap="none" rtlCol="0">
            <a:spAutoFit/>
          </a:bodyPr>
          <a:lstStyle/>
          <a:p>
            <a:r>
              <a:rPr lang="en-US"/>
              <a:t>Typhoon Odette, 2021</a:t>
            </a:r>
            <a:endParaRPr lang="en-PH"/>
          </a:p>
        </p:txBody>
      </p:sp>
    </p:spTree>
    <p:extLst>
      <p:ext uri="{BB962C8B-B14F-4D97-AF65-F5344CB8AC3E}">
        <p14:creationId xmlns:p14="http://schemas.microsoft.com/office/powerpoint/2010/main" val="221606205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7848736F-4E10-CD2D-64FD-9E7C6344DB9E}"/>
              </a:ext>
            </a:extLst>
          </p:cNvPr>
          <p:cNvSpPr>
            <a:spLocks noGrp="1"/>
          </p:cNvSpPr>
          <p:nvPr>
            <p:ph idx="1"/>
          </p:nvPr>
        </p:nvSpPr>
        <p:spPr>
          <a:xfrm>
            <a:off x="634864" y="942813"/>
            <a:ext cx="10967259" cy="1876637"/>
          </a:xfrm>
        </p:spPr>
        <p:txBody>
          <a:bodyPr vert="horz" lIns="91440" tIns="45720" rIns="91440" bIns="45720" rtlCol="0" anchor="t">
            <a:noAutofit/>
          </a:bodyPr>
          <a:lstStyle/>
          <a:p>
            <a:r>
              <a:rPr lang="en-US" sz="1400">
                <a:latin typeface="Arial"/>
                <a:cs typeface="Arial"/>
              </a:rPr>
              <a:t>We have expertise in</a:t>
            </a:r>
          </a:p>
          <a:p>
            <a:pPr lvl="1"/>
            <a:r>
              <a:rPr lang="en-US" sz="1400" i="1">
                <a:latin typeface="Arial"/>
                <a:cs typeface="Arial"/>
              </a:rPr>
              <a:t>Technical Due Diligence Studies for various types of Buildings and Engineering Systems</a:t>
            </a:r>
          </a:p>
          <a:p>
            <a:pPr lvl="1"/>
            <a:r>
              <a:rPr lang="en-US" sz="1400" i="1">
                <a:latin typeface="Arial"/>
                <a:cs typeface="Arial"/>
              </a:rPr>
              <a:t>Asset Management</a:t>
            </a:r>
          </a:p>
          <a:p>
            <a:pPr lvl="1"/>
            <a:r>
              <a:rPr lang="en-US" sz="1400" i="1">
                <a:latin typeface="Arial"/>
                <a:cs typeface="Arial"/>
              </a:rPr>
              <a:t>Risk and Resilience Analysis (both qualitative and quantitative analysis, statistical based modelling)</a:t>
            </a:r>
          </a:p>
          <a:p>
            <a:pPr lvl="1"/>
            <a:r>
              <a:rPr lang="en-US" sz="1400" i="1">
                <a:latin typeface="Arial"/>
                <a:cs typeface="Arial"/>
              </a:rPr>
              <a:t>Earthquake Seismic Evaluation (FEMA)</a:t>
            </a:r>
          </a:p>
          <a:p>
            <a:r>
              <a:rPr lang="en-US" sz="1400">
                <a:latin typeface="Arial"/>
                <a:cs typeface="Arial"/>
              </a:rPr>
              <a:t>Manila based and organic specialists in risk and resilience analysis (Dr. Nam Le and Principal Engineer Mark Ogot)</a:t>
            </a:r>
          </a:p>
          <a:p>
            <a:r>
              <a:rPr lang="en-US" sz="1400">
                <a:latin typeface="Arial"/>
                <a:cs typeface="Arial"/>
              </a:rPr>
              <a:t>Collaboration with Global Specialists who are experts in the field</a:t>
            </a:r>
          </a:p>
          <a:p>
            <a:pPr marL="0" indent="0">
              <a:buNone/>
            </a:pPr>
            <a:endParaRPr lang="en-US" sz="1400">
              <a:latin typeface="Arial" panose="020B0604020202020204" pitchFamily="34" charset="0"/>
              <a:cs typeface="Arial" panose="020B0604020202020204" pitchFamily="34" charset="0"/>
            </a:endParaRPr>
          </a:p>
        </p:txBody>
      </p:sp>
      <p:sp>
        <p:nvSpPr>
          <p:cNvPr id="4" name="TextBox 3">
            <a:extLst>
              <a:ext uri="{FF2B5EF4-FFF2-40B4-BE49-F238E27FC236}">
                <a16:creationId xmlns:a16="http://schemas.microsoft.com/office/drawing/2014/main" id="{B874381D-3683-E1CA-4051-FAF5437746BA}"/>
              </a:ext>
            </a:extLst>
          </p:cNvPr>
          <p:cNvSpPr txBox="1"/>
          <p:nvPr/>
        </p:nvSpPr>
        <p:spPr>
          <a:xfrm>
            <a:off x="603877" y="477209"/>
            <a:ext cx="5360275" cy="461665"/>
          </a:xfrm>
          <a:prstGeom prst="rect">
            <a:avLst/>
          </a:prstGeom>
          <a:noFill/>
        </p:spPr>
        <p:txBody>
          <a:bodyPr wrap="square" rtlCol="0">
            <a:spAutoFit/>
          </a:bodyPr>
          <a:lstStyle/>
          <a:p>
            <a:r>
              <a:rPr lang="en-US" sz="2400" cap="all" spc="-136">
                <a:solidFill>
                  <a:schemeClr val="tx2"/>
                </a:solidFill>
              </a:rPr>
              <a:t>Experience in resilience analysis</a:t>
            </a:r>
          </a:p>
        </p:txBody>
      </p:sp>
      <p:pic>
        <p:nvPicPr>
          <p:cNvPr id="8" name="Picture 7" descr="Map&#10;&#10;Description automatically generated">
            <a:extLst>
              <a:ext uri="{FF2B5EF4-FFF2-40B4-BE49-F238E27FC236}">
                <a16:creationId xmlns:a16="http://schemas.microsoft.com/office/drawing/2014/main" id="{BFAD9B45-E1F3-CF1D-B0C2-D8AD61B3873D}"/>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bwMode="auto">
          <a:xfrm>
            <a:off x="717176" y="3097832"/>
            <a:ext cx="2038122" cy="1782261"/>
          </a:xfrm>
          <a:prstGeom prst="rect">
            <a:avLst/>
          </a:prstGeom>
          <a:ln>
            <a:noFill/>
          </a:ln>
          <a:extLst>
            <a:ext uri="{53640926-AAD7-44D8-BBD7-CCE9431645EC}">
              <a14:shadowObscured xmlns:a14="http://schemas.microsoft.com/office/drawing/2010/main"/>
            </a:ext>
          </a:extLst>
        </p:spPr>
      </p:pic>
      <p:sp>
        <p:nvSpPr>
          <p:cNvPr id="9" name="TextBox 8">
            <a:extLst>
              <a:ext uri="{FF2B5EF4-FFF2-40B4-BE49-F238E27FC236}">
                <a16:creationId xmlns:a16="http://schemas.microsoft.com/office/drawing/2014/main" id="{72A0CC32-A292-6DFF-E2BF-2B10B4FB0A4C}"/>
              </a:ext>
            </a:extLst>
          </p:cNvPr>
          <p:cNvSpPr txBox="1"/>
          <p:nvPr/>
        </p:nvSpPr>
        <p:spPr>
          <a:xfrm>
            <a:off x="730623" y="4877375"/>
            <a:ext cx="2038122" cy="646331"/>
          </a:xfrm>
          <a:prstGeom prst="rect">
            <a:avLst/>
          </a:prstGeom>
          <a:noFill/>
        </p:spPr>
        <p:txBody>
          <a:bodyPr wrap="none" rtlCol="0">
            <a:spAutoFit/>
          </a:bodyPr>
          <a:lstStyle/>
          <a:p>
            <a:r>
              <a:rPr lang="en-US"/>
              <a:t>MWC Earthquake </a:t>
            </a:r>
          </a:p>
          <a:p>
            <a:r>
              <a:rPr lang="en-US"/>
              <a:t>Preparedness, 2021</a:t>
            </a:r>
            <a:endParaRPr lang="en-PH"/>
          </a:p>
        </p:txBody>
      </p:sp>
      <p:pic>
        <p:nvPicPr>
          <p:cNvPr id="2" name="Picture 1">
            <a:extLst>
              <a:ext uri="{FF2B5EF4-FFF2-40B4-BE49-F238E27FC236}">
                <a16:creationId xmlns:a16="http://schemas.microsoft.com/office/drawing/2014/main" id="{29D7D264-95FC-E356-7161-61F9ADCB0A32}"/>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14518" t="733" r="20006" b="-733"/>
          <a:stretch/>
        </p:blipFill>
        <p:spPr bwMode="auto">
          <a:xfrm>
            <a:off x="7318784" y="3119774"/>
            <a:ext cx="2024675" cy="1767781"/>
          </a:xfrm>
          <a:prstGeom prst="rect">
            <a:avLst/>
          </a:prstGeom>
          <a:noFill/>
          <a:ln>
            <a:noFill/>
          </a:ln>
        </p:spPr>
      </p:pic>
      <p:sp>
        <p:nvSpPr>
          <p:cNvPr id="6" name="TextBox 5">
            <a:extLst>
              <a:ext uri="{FF2B5EF4-FFF2-40B4-BE49-F238E27FC236}">
                <a16:creationId xmlns:a16="http://schemas.microsoft.com/office/drawing/2014/main" id="{68FF1AA1-5097-E7A7-2F36-EB3A0DFFCE34}"/>
              </a:ext>
            </a:extLst>
          </p:cNvPr>
          <p:cNvSpPr txBox="1"/>
          <p:nvPr/>
        </p:nvSpPr>
        <p:spPr>
          <a:xfrm>
            <a:off x="7318784" y="4936991"/>
            <a:ext cx="2131365" cy="923330"/>
          </a:xfrm>
          <a:prstGeom prst="rect">
            <a:avLst/>
          </a:prstGeom>
          <a:noFill/>
        </p:spPr>
        <p:txBody>
          <a:bodyPr wrap="square" rtlCol="0">
            <a:spAutoFit/>
          </a:bodyPr>
          <a:lstStyle/>
          <a:p>
            <a:r>
              <a:rPr lang="en-US"/>
              <a:t>Feasibility Study of the Kaliwa Water Supply System, 2019</a:t>
            </a:r>
            <a:endParaRPr lang="en-PH"/>
          </a:p>
        </p:txBody>
      </p:sp>
      <p:sp>
        <p:nvSpPr>
          <p:cNvPr id="11" name="TextBox 10">
            <a:extLst>
              <a:ext uri="{FF2B5EF4-FFF2-40B4-BE49-F238E27FC236}">
                <a16:creationId xmlns:a16="http://schemas.microsoft.com/office/drawing/2014/main" id="{81ACBC22-30B5-5255-D056-706031BBC618}"/>
              </a:ext>
            </a:extLst>
          </p:cNvPr>
          <p:cNvSpPr txBox="1"/>
          <p:nvPr/>
        </p:nvSpPr>
        <p:spPr>
          <a:xfrm>
            <a:off x="2782192" y="4874656"/>
            <a:ext cx="2216875" cy="1200329"/>
          </a:xfrm>
          <a:prstGeom prst="rect">
            <a:avLst/>
          </a:prstGeom>
          <a:noFill/>
        </p:spPr>
        <p:txBody>
          <a:bodyPr wrap="square" rtlCol="0">
            <a:spAutoFit/>
          </a:bodyPr>
          <a:lstStyle/>
          <a:p>
            <a:r>
              <a:rPr lang="en-US"/>
              <a:t>Technical Due Diligence on various regional airports in the Philippines, 2022</a:t>
            </a:r>
            <a:endParaRPr lang="en-PH"/>
          </a:p>
        </p:txBody>
      </p:sp>
      <p:pic>
        <p:nvPicPr>
          <p:cNvPr id="13" name="Picture 12">
            <a:extLst>
              <a:ext uri="{FF2B5EF4-FFF2-40B4-BE49-F238E27FC236}">
                <a16:creationId xmlns:a16="http://schemas.microsoft.com/office/drawing/2014/main" id="{917D066D-99F5-06D6-E705-D79D89288A07}"/>
              </a:ext>
            </a:extLst>
          </p:cNvPr>
          <p:cNvPicPr>
            <a:picLocks noChangeAspect="1"/>
          </p:cNvPicPr>
          <p:nvPr/>
        </p:nvPicPr>
        <p:blipFill rotWithShape="1">
          <a:blip r:embed="rId5">
            <a:extLst>
              <a:ext uri="{28A0092B-C50C-407E-A947-70E740481C1C}">
                <a14:useLocalDpi xmlns:a14="http://schemas.microsoft.com/office/drawing/2010/main" val="0"/>
              </a:ext>
            </a:extLst>
          </a:blip>
          <a:srcRect l="5079" r="5207"/>
          <a:stretch/>
        </p:blipFill>
        <p:spPr>
          <a:xfrm>
            <a:off x="4995788" y="3132676"/>
            <a:ext cx="2234916" cy="1741979"/>
          </a:xfrm>
          <a:prstGeom prst="rect">
            <a:avLst/>
          </a:prstGeom>
        </p:spPr>
      </p:pic>
      <p:sp>
        <p:nvSpPr>
          <p:cNvPr id="14" name="TextBox 13">
            <a:extLst>
              <a:ext uri="{FF2B5EF4-FFF2-40B4-BE49-F238E27FC236}">
                <a16:creationId xmlns:a16="http://schemas.microsoft.com/office/drawing/2014/main" id="{5FABD41C-1441-CB90-9672-D73720155DF9}"/>
              </a:ext>
            </a:extLst>
          </p:cNvPr>
          <p:cNvSpPr txBox="1"/>
          <p:nvPr/>
        </p:nvSpPr>
        <p:spPr>
          <a:xfrm>
            <a:off x="4995788" y="4936991"/>
            <a:ext cx="2380935" cy="1200329"/>
          </a:xfrm>
          <a:prstGeom prst="rect">
            <a:avLst/>
          </a:prstGeom>
          <a:noFill/>
        </p:spPr>
        <p:txBody>
          <a:bodyPr wrap="square" rtlCol="0">
            <a:spAutoFit/>
          </a:bodyPr>
          <a:lstStyle/>
          <a:p>
            <a:r>
              <a:rPr lang="en-US"/>
              <a:t>Due Diligence (TDD) of a 6 hectares beach resort in Mactan, Cebu, Philippines, 2019</a:t>
            </a:r>
            <a:endParaRPr lang="en-PH"/>
          </a:p>
        </p:txBody>
      </p:sp>
      <p:pic>
        <p:nvPicPr>
          <p:cNvPr id="7" name="Picture 6">
            <a:extLst>
              <a:ext uri="{FF2B5EF4-FFF2-40B4-BE49-F238E27FC236}">
                <a16:creationId xmlns:a16="http://schemas.microsoft.com/office/drawing/2014/main" id="{DC5E5F55-65A4-54CD-80A5-B462FED112F6}"/>
              </a:ext>
            </a:extLst>
          </p:cNvPr>
          <p:cNvPicPr>
            <a:picLocks noChangeAspect="1"/>
          </p:cNvPicPr>
          <p:nvPr/>
        </p:nvPicPr>
        <p:blipFill>
          <a:blip r:embed="rId6"/>
          <a:stretch>
            <a:fillRect/>
          </a:stretch>
        </p:blipFill>
        <p:spPr>
          <a:xfrm>
            <a:off x="9550421" y="3109594"/>
            <a:ext cx="2301108" cy="1725403"/>
          </a:xfrm>
          <a:prstGeom prst="rect">
            <a:avLst/>
          </a:prstGeom>
        </p:spPr>
      </p:pic>
      <p:sp>
        <p:nvSpPr>
          <p:cNvPr id="15" name="TextBox 14">
            <a:extLst>
              <a:ext uri="{FF2B5EF4-FFF2-40B4-BE49-F238E27FC236}">
                <a16:creationId xmlns:a16="http://schemas.microsoft.com/office/drawing/2014/main" id="{0F048A75-4765-1770-946B-D4CE5EAE32DF}"/>
              </a:ext>
            </a:extLst>
          </p:cNvPr>
          <p:cNvSpPr txBox="1"/>
          <p:nvPr/>
        </p:nvSpPr>
        <p:spPr>
          <a:xfrm>
            <a:off x="9550421" y="4936991"/>
            <a:ext cx="2131365" cy="923330"/>
          </a:xfrm>
          <a:prstGeom prst="rect">
            <a:avLst/>
          </a:prstGeom>
          <a:noFill/>
        </p:spPr>
        <p:txBody>
          <a:bodyPr wrap="square" rtlCol="0">
            <a:spAutoFit/>
          </a:bodyPr>
          <a:lstStyle/>
          <a:p>
            <a:r>
              <a:rPr lang="en-US"/>
              <a:t>Structural Evaluation of 4-star Hotel in Pasay, 2017</a:t>
            </a:r>
            <a:endParaRPr lang="en-PH"/>
          </a:p>
        </p:txBody>
      </p:sp>
      <p:pic>
        <p:nvPicPr>
          <p:cNvPr id="5" name="Picture 4">
            <a:extLst>
              <a:ext uri="{FF2B5EF4-FFF2-40B4-BE49-F238E27FC236}">
                <a16:creationId xmlns:a16="http://schemas.microsoft.com/office/drawing/2014/main" id="{9026D468-15B8-D2B4-B005-2E08BFAC8668}"/>
              </a:ext>
            </a:extLst>
          </p:cNvPr>
          <p:cNvPicPr>
            <a:picLocks noChangeAspect="1"/>
          </p:cNvPicPr>
          <p:nvPr/>
        </p:nvPicPr>
        <p:blipFill>
          <a:blip r:embed="rId7"/>
          <a:stretch>
            <a:fillRect/>
          </a:stretch>
        </p:blipFill>
        <p:spPr>
          <a:xfrm>
            <a:off x="2843378" y="3119774"/>
            <a:ext cx="2083057" cy="1754881"/>
          </a:xfrm>
          <a:prstGeom prst="rect">
            <a:avLst/>
          </a:prstGeom>
        </p:spPr>
      </p:pic>
    </p:spTree>
    <p:extLst>
      <p:ext uri="{BB962C8B-B14F-4D97-AF65-F5344CB8AC3E}">
        <p14:creationId xmlns:p14="http://schemas.microsoft.com/office/powerpoint/2010/main" val="247229473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5360275" cy="461665"/>
          </a:xfrm>
          <a:prstGeom prst="rect">
            <a:avLst/>
          </a:prstGeom>
          <a:noFill/>
        </p:spPr>
        <p:txBody>
          <a:bodyPr wrap="square" rtlCol="0">
            <a:spAutoFit/>
          </a:bodyPr>
          <a:lstStyle/>
          <a:p>
            <a:r>
              <a:rPr lang="en-US" sz="2400" cap="all" spc="-136">
                <a:solidFill>
                  <a:schemeClr val="tx2"/>
                </a:solidFill>
              </a:rPr>
              <a:t>Workplan</a:t>
            </a:r>
          </a:p>
        </p:txBody>
      </p:sp>
      <p:pic>
        <p:nvPicPr>
          <p:cNvPr id="3" name="Picture 2" descr="Diagram&#10;&#10;Description automatically generated">
            <a:extLst>
              <a:ext uri="{FF2B5EF4-FFF2-40B4-BE49-F238E27FC236}">
                <a16:creationId xmlns:a16="http://schemas.microsoft.com/office/drawing/2014/main" id="{74DDE416-F147-0D5E-E32D-3718D422F50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170211" y="1325513"/>
            <a:ext cx="8475852" cy="4193838"/>
          </a:xfrm>
          <a:prstGeom prst="rect">
            <a:avLst/>
          </a:prstGeom>
        </p:spPr>
      </p:pic>
      <p:sp>
        <p:nvSpPr>
          <p:cNvPr id="2" name="Content Placeholder 2">
            <a:extLst>
              <a:ext uri="{FF2B5EF4-FFF2-40B4-BE49-F238E27FC236}">
                <a16:creationId xmlns:a16="http://schemas.microsoft.com/office/drawing/2014/main" id="{8342C385-3135-9BD0-9D08-CC1D630D59EB}"/>
              </a:ext>
            </a:extLst>
          </p:cNvPr>
          <p:cNvSpPr>
            <a:spLocks noGrp="1"/>
          </p:cNvSpPr>
          <p:nvPr>
            <p:ph idx="1"/>
          </p:nvPr>
        </p:nvSpPr>
        <p:spPr>
          <a:xfrm>
            <a:off x="603877" y="1338649"/>
            <a:ext cx="2452361" cy="2731287"/>
          </a:xfrm>
        </p:spPr>
        <p:txBody>
          <a:bodyPr>
            <a:noAutofit/>
          </a:bodyPr>
          <a:lstStyle/>
          <a:p>
            <a:r>
              <a:rPr lang="en-US" sz="1600">
                <a:latin typeface="Arial" panose="020B0604020202020204" pitchFamily="34" charset="0"/>
                <a:cs typeface="Arial" panose="020B0604020202020204" pitchFamily="34" charset="0"/>
              </a:rPr>
              <a:t>Further develop and detail the workflow and tasks based on the sequence of works required and defined in the TOR.</a:t>
            </a:r>
          </a:p>
          <a:p>
            <a:r>
              <a:rPr lang="en-US" sz="1600">
                <a:latin typeface="Arial" panose="020B0604020202020204" pitchFamily="34" charset="0"/>
                <a:cs typeface="Arial" panose="020B0604020202020204" pitchFamily="34" charset="0"/>
              </a:rPr>
              <a:t>Reporting promptly to the Client on weekly basis via meeting, emails, or app based as if required (e.g. WhatsApp, viber, lines, MS team, zoom)</a:t>
            </a:r>
          </a:p>
        </p:txBody>
      </p:sp>
    </p:spTree>
    <p:extLst>
      <p:ext uri="{BB962C8B-B14F-4D97-AF65-F5344CB8AC3E}">
        <p14:creationId xmlns:p14="http://schemas.microsoft.com/office/powerpoint/2010/main" val="366386753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8505399" cy="461665"/>
          </a:xfrm>
          <a:prstGeom prst="rect">
            <a:avLst/>
          </a:prstGeom>
          <a:noFill/>
        </p:spPr>
        <p:txBody>
          <a:bodyPr wrap="square" rtlCol="0">
            <a:spAutoFit/>
          </a:bodyPr>
          <a:lstStyle/>
          <a:p>
            <a:r>
              <a:rPr lang="en-US" sz="2400" cap="all" spc="-136">
                <a:solidFill>
                  <a:schemeClr val="tx2"/>
                </a:solidFill>
              </a:rPr>
              <a:t>DATA COLLECTION AND REVIEW OF EXISTING INFORMATION</a:t>
            </a:r>
          </a:p>
        </p:txBody>
      </p:sp>
      <p:graphicFrame>
        <p:nvGraphicFramePr>
          <p:cNvPr id="2" name="Diagram 1">
            <a:extLst>
              <a:ext uri="{FF2B5EF4-FFF2-40B4-BE49-F238E27FC236}">
                <a16:creationId xmlns:a16="http://schemas.microsoft.com/office/drawing/2014/main" id="{0597DDCB-FDDB-EF2C-E52E-1E125DC05B13}"/>
              </a:ext>
            </a:extLst>
          </p:cNvPr>
          <p:cNvGraphicFramePr/>
          <p:nvPr>
            <p:extLst>
              <p:ext uri="{D42A27DB-BD31-4B8C-83A1-F6EECF244321}">
                <p14:modId xmlns:p14="http://schemas.microsoft.com/office/powerpoint/2010/main" val="3571583371"/>
              </p:ext>
            </p:extLst>
          </p:nvPr>
        </p:nvGraphicFramePr>
        <p:xfrm>
          <a:off x="1382083" y="1122744"/>
          <a:ext cx="8973617" cy="214133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3" name="Diagram 2">
            <a:extLst>
              <a:ext uri="{FF2B5EF4-FFF2-40B4-BE49-F238E27FC236}">
                <a16:creationId xmlns:a16="http://schemas.microsoft.com/office/drawing/2014/main" id="{BB1C15F7-C488-47C7-A978-892FFA962C42}"/>
              </a:ext>
            </a:extLst>
          </p:cNvPr>
          <p:cNvGraphicFramePr/>
          <p:nvPr>
            <p:extLst>
              <p:ext uri="{D42A27DB-BD31-4B8C-83A1-F6EECF244321}">
                <p14:modId xmlns:p14="http://schemas.microsoft.com/office/powerpoint/2010/main" val="2952266038"/>
              </p:ext>
            </p:extLst>
          </p:nvPr>
        </p:nvGraphicFramePr>
        <p:xfrm>
          <a:off x="1595202" y="2434925"/>
          <a:ext cx="3009842" cy="2517346"/>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graphicFrame>
        <p:nvGraphicFramePr>
          <p:cNvPr id="5" name="Diagram 4">
            <a:extLst>
              <a:ext uri="{FF2B5EF4-FFF2-40B4-BE49-F238E27FC236}">
                <a16:creationId xmlns:a16="http://schemas.microsoft.com/office/drawing/2014/main" id="{9C206567-DCAF-C8B6-67B3-41DEB2481042}"/>
              </a:ext>
            </a:extLst>
          </p:cNvPr>
          <p:cNvGraphicFramePr/>
          <p:nvPr>
            <p:extLst>
              <p:ext uri="{D42A27DB-BD31-4B8C-83A1-F6EECF244321}">
                <p14:modId xmlns:p14="http://schemas.microsoft.com/office/powerpoint/2010/main" val="4108634996"/>
              </p:ext>
            </p:extLst>
          </p:nvPr>
        </p:nvGraphicFramePr>
        <p:xfrm>
          <a:off x="4856576" y="2434925"/>
          <a:ext cx="3251319" cy="2532309"/>
        </p:xfrm>
        <a:graphic>
          <a:graphicData uri="http://schemas.openxmlformats.org/drawingml/2006/diagram">
            <dgm:relIds xmlns:dgm="http://schemas.openxmlformats.org/drawingml/2006/diagram" xmlns:r="http://schemas.openxmlformats.org/officeDocument/2006/relationships" r:dm="rId13" r:lo="rId14" r:qs="rId15" r:cs="rId16"/>
          </a:graphicData>
        </a:graphic>
      </p:graphicFrame>
      <p:graphicFrame>
        <p:nvGraphicFramePr>
          <p:cNvPr id="6" name="Diagram 5">
            <a:extLst>
              <a:ext uri="{FF2B5EF4-FFF2-40B4-BE49-F238E27FC236}">
                <a16:creationId xmlns:a16="http://schemas.microsoft.com/office/drawing/2014/main" id="{E7995745-E2D2-518D-2158-1E4E7759DE4D}"/>
              </a:ext>
            </a:extLst>
          </p:cNvPr>
          <p:cNvGraphicFramePr/>
          <p:nvPr>
            <p:extLst>
              <p:ext uri="{D42A27DB-BD31-4B8C-83A1-F6EECF244321}">
                <p14:modId xmlns:p14="http://schemas.microsoft.com/office/powerpoint/2010/main" val="2241161006"/>
              </p:ext>
            </p:extLst>
          </p:nvPr>
        </p:nvGraphicFramePr>
        <p:xfrm>
          <a:off x="8144099" y="2456381"/>
          <a:ext cx="3751878" cy="2517346"/>
        </p:xfrm>
        <a:graphic>
          <a:graphicData uri="http://schemas.openxmlformats.org/drawingml/2006/diagram">
            <dgm:relIds xmlns:dgm="http://schemas.openxmlformats.org/drawingml/2006/diagram" xmlns:r="http://schemas.openxmlformats.org/officeDocument/2006/relationships" r:dm="rId18" r:lo="rId19" r:qs="rId20" r:cs="rId21"/>
          </a:graphicData>
        </a:graphic>
      </p:graphicFrame>
      <p:sp>
        <p:nvSpPr>
          <p:cNvPr id="8" name="TextBox 7">
            <a:extLst>
              <a:ext uri="{FF2B5EF4-FFF2-40B4-BE49-F238E27FC236}">
                <a16:creationId xmlns:a16="http://schemas.microsoft.com/office/drawing/2014/main" id="{753405AC-37C6-8115-C97C-DE234E406AB1}"/>
              </a:ext>
            </a:extLst>
          </p:cNvPr>
          <p:cNvSpPr txBox="1"/>
          <p:nvPr/>
        </p:nvSpPr>
        <p:spPr>
          <a:xfrm>
            <a:off x="3310467" y="5713621"/>
            <a:ext cx="6053666" cy="757130"/>
          </a:xfrm>
          <a:prstGeom prst="rect">
            <a:avLst/>
          </a:prstGeom>
          <a:noFill/>
        </p:spPr>
        <p:txBody>
          <a:bodyPr wrap="square">
            <a:spAutoFit/>
          </a:bodyPr>
          <a:lstStyle/>
          <a:p>
            <a:pPr marR="0" lvl="0" algn="l" defTabSz="986912" rtl="0" eaLnBrk="1" fontAlgn="auto" latinLnBrk="0" hangingPunct="1">
              <a:lnSpc>
                <a:spcPct val="90000"/>
              </a:lnSpc>
              <a:spcBef>
                <a:spcPts val="300"/>
              </a:spcBef>
              <a:spcAft>
                <a:spcPts val="600"/>
              </a:spcAft>
              <a:buClr>
                <a:srgbClr val="E4610F"/>
              </a:buClr>
              <a:buSzTx/>
              <a:tabLst/>
              <a:defRPr/>
            </a:pPr>
            <a:r>
              <a:rPr kumimoji="0" lang="en-US" sz="1600" b="0" i="1" u="none" strike="noStrike" kern="1200" cap="none" spc="0" normalizeH="0" baseline="0" noProof="0">
                <a:ln>
                  <a:noFill/>
                </a:ln>
                <a:solidFill>
                  <a:srgbClr val="0C0808"/>
                </a:solidFill>
                <a:effectLst/>
                <a:uLnTx/>
                <a:uFillTx/>
                <a:latin typeface="Arial"/>
                <a:ea typeface="+mn-ea"/>
                <a:cs typeface="+mn-cs"/>
              </a:rPr>
              <a:t>“Should the documentation requested be provided in sporadic / piecemeal manner or in hard copy format, we reserve the right to revisit the schedule and amend our fee accordingly”</a:t>
            </a:r>
          </a:p>
        </p:txBody>
      </p:sp>
      <p:cxnSp>
        <p:nvCxnSpPr>
          <p:cNvPr id="10" name="Straight Connector 9">
            <a:extLst>
              <a:ext uri="{FF2B5EF4-FFF2-40B4-BE49-F238E27FC236}">
                <a16:creationId xmlns:a16="http://schemas.microsoft.com/office/drawing/2014/main" id="{ACCEF57D-B1BF-5B2A-3340-04334A45369C}"/>
              </a:ext>
            </a:extLst>
          </p:cNvPr>
          <p:cNvCxnSpPr>
            <a:cxnSpLocks/>
          </p:cNvCxnSpPr>
          <p:nvPr/>
        </p:nvCxnSpPr>
        <p:spPr>
          <a:xfrm>
            <a:off x="3310467" y="6565227"/>
            <a:ext cx="5884333" cy="0"/>
          </a:xfrm>
          <a:prstGeom prst="line">
            <a:avLst/>
          </a:prstGeom>
          <a:ln w="149225" cmpd="tri"/>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9285668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5360275" cy="461665"/>
          </a:xfrm>
          <a:prstGeom prst="rect">
            <a:avLst/>
          </a:prstGeom>
          <a:noFill/>
        </p:spPr>
        <p:txBody>
          <a:bodyPr wrap="square" rtlCol="0">
            <a:spAutoFit/>
          </a:bodyPr>
          <a:lstStyle/>
          <a:p>
            <a:r>
              <a:rPr lang="en-US" sz="2400" cap="all" spc="-136">
                <a:solidFill>
                  <a:schemeClr val="tx2"/>
                </a:solidFill>
              </a:rPr>
              <a:t>Visual inspection and document review</a:t>
            </a:r>
          </a:p>
        </p:txBody>
      </p:sp>
      <p:pic>
        <p:nvPicPr>
          <p:cNvPr id="83" name="Picture 82" descr="Chart, bubble chart&#10;&#10;Description automatically generated">
            <a:extLst>
              <a:ext uri="{FF2B5EF4-FFF2-40B4-BE49-F238E27FC236}">
                <a16:creationId xmlns:a16="http://schemas.microsoft.com/office/drawing/2014/main" id="{A3922176-55A1-B3E5-BAC9-837916C4B84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465463" y="1117646"/>
            <a:ext cx="4385620" cy="4385620"/>
          </a:xfrm>
          <a:prstGeom prst="rect">
            <a:avLst/>
          </a:prstGeom>
        </p:spPr>
      </p:pic>
      <p:graphicFrame>
        <p:nvGraphicFramePr>
          <p:cNvPr id="85" name="Table 85">
            <a:extLst>
              <a:ext uri="{FF2B5EF4-FFF2-40B4-BE49-F238E27FC236}">
                <a16:creationId xmlns:a16="http://schemas.microsoft.com/office/drawing/2014/main" id="{9346240F-171F-E1CC-3C61-CC2A66E06A0D}"/>
              </a:ext>
            </a:extLst>
          </p:cNvPr>
          <p:cNvGraphicFramePr>
            <a:graphicFrameLocks noGrp="1"/>
          </p:cNvGraphicFramePr>
          <p:nvPr>
            <p:extLst>
              <p:ext uri="{D42A27DB-BD31-4B8C-83A1-F6EECF244321}">
                <p14:modId xmlns:p14="http://schemas.microsoft.com/office/powerpoint/2010/main" val="165790569"/>
              </p:ext>
            </p:extLst>
          </p:nvPr>
        </p:nvGraphicFramePr>
        <p:xfrm>
          <a:off x="813473" y="5639111"/>
          <a:ext cx="5689600" cy="741680"/>
        </p:xfrm>
        <a:graphic>
          <a:graphicData uri="http://schemas.openxmlformats.org/drawingml/2006/table">
            <a:tbl>
              <a:tblPr firstRow="1" bandRow="1">
                <a:tableStyleId>{5C22544A-7EE6-4342-B048-85BDC9FD1C3A}</a:tableStyleId>
              </a:tblPr>
              <a:tblGrid>
                <a:gridCol w="1137920">
                  <a:extLst>
                    <a:ext uri="{9D8B030D-6E8A-4147-A177-3AD203B41FA5}">
                      <a16:colId xmlns:a16="http://schemas.microsoft.com/office/drawing/2014/main" val="2061882487"/>
                    </a:ext>
                  </a:extLst>
                </a:gridCol>
                <a:gridCol w="1137920">
                  <a:extLst>
                    <a:ext uri="{9D8B030D-6E8A-4147-A177-3AD203B41FA5}">
                      <a16:colId xmlns:a16="http://schemas.microsoft.com/office/drawing/2014/main" val="3075482984"/>
                    </a:ext>
                  </a:extLst>
                </a:gridCol>
                <a:gridCol w="1137920">
                  <a:extLst>
                    <a:ext uri="{9D8B030D-6E8A-4147-A177-3AD203B41FA5}">
                      <a16:colId xmlns:a16="http://schemas.microsoft.com/office/drawing/2014/main" val="2238352541"/>
                    </a:ext>
                  </a:extLst>
                </a:gridCol>
                <a:gridCol w="1137920">
                  <a:extLst>
                    <a:ext uri="{9D8B030D-6E8A-4147-A177-3AD203B41FA5}">
                      <a16:colId xmlns:a16="http://schemas.microsoft.com/office/drawing/2014/main" val="1035144572"/>
                    </a:ext>
                  </a:extLst>
                </a:gridCol>
                <a:gridCol w="1137920">
                  <a:extLst>
                    <a:ext uri="{9D8B030D-6E8A-4147-A177-3AD203B41FA5}">
                      <a16:colId xmlns:a16="http://schemas.microsoft.com/office/drawing/2014/main" val="1080415089"/>
                    </a:ext>
                  </a:extLst>
                </a:gridCol>
              </a:tblGrid>
              <a:tr h="370840">
                <a:tc>
                  <a:txBody>
                    <a:bodyPr/>
                    <a:lstStyle/>
                    <a:p>
                      <a:r>
                        <a:rPr lang="en-US">
                          <a:solidFill>
                            <a:schemeClr val="tx1"/>
                          </a:solidFill>
                        </a:rPr>
                        <a:t>1</a:t>
                      </a:r>
                      <a:endParaRPr lang="en-PH">
                        <a:solidFill>
                          <a:schemeClr val="tx1"/>
                        </a:solidFill>
                      </a:endParaRPr>
                    </a:p>
                  </a:txBody>
                  <a:tcPr>
                    <a:solidFill>
                      <a:schemeClr val="accent6"/>
                    </a:solidFill>
                  </a:tcPr>
                </a:tc>
                <a:tc>
                  <a:txBody>
                    <a:bodyPr/>
                    <a:lstStyle/>
                    <a:p>
                      <a:r>
                        <a:rPr lang="en-US">
                          <a:solidFill>
                            <a:schemeClr val="tx1"/>
                          </a:solidFill>
                        </a:rPr>
                        <a:t>2</a:t>
                      </a:r>
                      <a:endParaRPr lang="en-PH">
                        <a:solidFill>
                          <a:schemeClr val="tx1"/>
                        </a:solidFill>
                      </a:endParaRPr>
                    </a:p>
                  </a:txBody>
                  <a:tcPr>
                    <a:solidFill>
                      <a:srgbClr val="FFFF00"/>
                    </a:solidFill>
                  </a:tcPr>
                </a:tc>
                <a:tc>
                  <a:txBody>
                    <a:bodyPr/>
                    <a:lstStyle/>
                    <a:p>
                      <a:r>
                        <a:rPr lang="en-US">
                          <a:solidFill>
                            <a:schemeClr val="tx1"/>
                          </a:solidFill>
                        </a:rPr>
                        <a:t>3</a:t>
                      </a:r>
                      <a:endParaRPr lang="en-PH">
                        <a:solidFill>
                          <a:schemeClr val="tx1"/>
                        </a:solidFill>
                      </a:endParaRPr>
                    </a:p>
                  </a:txBody>
                  <a:tcPr>
                    <a:solidFill>
                      <a:schemeClr val="accent4"/>
                    </a:solidFill>
                  </a:tcPr>
                </a:tc>
                <a:tc>
                  <a:txBody>
                    <a:bodyPr/>
                    <a:lstStyle/>
                    <a:p>
                      <a:r>
                        <a:rPr lang="en-US">
                          <a:solidFill>
                            <a:schemeClr val="tx1"/>
                          </a:solidFill>
                        </a:rPr>
                        <a:t>4</a:t>
                      </a:r>
                      <a:endParaRPr lang="en-PH">
                        <a:solidFill>
                          <a:schemeClr val="tx1"/>
                        </a:solidFill>
                      </a:endParaRPr>
                    </a:p>
                  </a:txBody>
                  <a:tcPr>
                    <a:solidFill>
                      <a:srgbClr val="E4610F"/>
                    </a:solidFill>
                  </a:tcPr>
                </a:tc>
                <a:tc>
                  <a:txBody>
                    <a:bodyPr/>
                    <a:lstStyle/>
                    <a:p>
                      <a:r>
                        <a:rPr lang="en-US">
                          <a:solidFill>
                            <a:schemeClr val="tx1"/>
                          </a:solidFill>
                        </a:rPr>
                        <a:t>5</a:t>
                      </a:r>
                      <a:endParaRPr lang="en-PH">
                        <a:solidFill>
                          <a:schemeClr val="tx1"/>
                        </a:solidFill>
                      </a:endParaRPr>
                    </a:p>
                  </a:txBody>
                  <a:tcPr>
                    <a:solidFill>
                      <a:srgbClr val="FF0000"/>
                    </a:solidFill>
                  </a:tcPr>
                </a:tc>
                <a:extLst>
                  <a:ext uri="{0D108BD9-81ED-4DB2-BD59-A6C34878D82A}">
                    <a16:rowId xmlns:a16="http://schemas.microsoft.com/office/drawing/2014/main" val="3684775932"/>
                  </a:ext>
                </a:extLst>
              </a:tr>
              <a:tr h="370840">
                <a:tc>
                  <a:txBody>
                    <a:bodyPr/>
                    <a:lstStyle/>
                    <a:p>
                      <a:pPr algn="ctr"/>
                      <a:r>
                        <a:rPr lang="en-US"/>
                        <a:t>Low</a:t>
                      </a:r>
                      <a:endParaRPr lang="en-PH"/>
                    </a:p>
                  </a:txBody>
                  <a:tcPr>
                    <a:noFill/>
                  </a:tcPr>
                </a:tc>
                <a:tc>
                  <a:txBody>
                    <a:bodyPr/>
                    <a:lstStyle/>
                    <a:p>
                      <a:pPr algn="ctr"/>
                      <a:endParaRPr lang="en-PH"/>
                    </a:p>
                  </a:txBody>
                  <a:tcPr>
                    <a:noFill/>
                  </a:tcPr>
                </a:tc>
                <a:tc>
                  <a:txBody>
                    <a:bodyPr/>
                    <a:lstStyle/>
                    <a:p>
                      <a:pPr algn="ctr"/>
                      <a:r>
                        <a:rPr lang="en-US"/>
                        <a:t>Fair</a:t>
                      </a:r>
                      <a:endParaRPr lang="en-PH"/>
                    </a:p>
                  </a:txBody>
                  <a:tcPr>
                    <a:noFill/>
                  </a:tcPr>
                </a:tc>
                <a:tc>
                  <a:txBody>
                    <a:bodyPr/>
                    <a:lstStyle/>
                    <a:p>
                      <a:pPr algn="ctr"/>
                      <a:endParaRPr lang="en-PH"/>
                    </a:p>
                  </a:txBody>
                  <a:tcPr>
                    <a:noFill/>
                  </a:tcPr>
                </a:tc>
                <a:tc>
                  <a:txBody>
                    <a:bodyPr/>
                    <a:lstStyle/>
                    <a:p>
                      <a:pPr algn="ctr"/>
                      <a:r>
                        <a:rPr lang="en-US"/>
                        <a:t>High</a:t>
                      </a:r>
                      <a:endParaRPr lang="en-PH"/>
                    </a:p>
                  </a:txBody>
                  <a:tcPr>
                    <a:noFill/>
                  </a:tcPr>
                </a:tc>
                <a:extLst>
                  <a:ext uri="{0D108BD9-81ED-4DB2-BD59-A6C34878D82A}">
                    <a16:rowId xmlns:a16="http://schemas.microsoft.com/office/drawing/2014/main" val="2329511569"/>
                  </a:ext>
                </a:extLst>
              </a:tr>
            </a:tbl>
          </a:graphicData>
        </a:graphic>
      </p:graphicFrame>
      <p:sp>
        <p:nvSpPr>
          <p:cNvPr id="2" name="TextBox 1">
            <a:extLst>
              <a:ext uri="{FF2B5EF4-FFF2-40B4-BE49-F238E27FC236}">
                <a16:creationId xmlns:a16="http://schemas.microsoft.com/office/drawing/2014/main" id="{A7AA1578-1D9E-09A9-2FD9-51DD05205382}"/>
              </a:ext>
            </a:extLst>
          </p:cNvPr>
          <p:cNvSpPr txBox="1"/>
          <p:nvPr/>
        </p:nvSpPr>
        <p:spPr>
          <a:xfrm>
            <a:off x="6823171" y="920476"/>
            <a:ext cx="4567071" cy="674031"/>
          </a:xfrm>
          <a:prstGeom prst="rect">
            <a:avLst/>
          </a:prstGeom>
          <a:noFill/>
        </p:spPr>
        <p:txBody>
          <a:bodyPr wrap="square">
            <a:spAutoFit/>
          </a:bodyPr>
          <a:lstStyle/>
          <a:p>
            <a:pPr marR="0" lvl="0" algn="l" defTabSz="986912" rtl="0" eaLnBrk="1" fontAlgn="auto" latinLnBrk="0" hangingPunct="1">
              <a:lnSpc>
                <a:spcPct val="90000"/>
              </a:lnSpc>
              <a:spcBef>
                <a:spcPts val="300"/>
              </a:spcBef>
              <a:spcAft>
                <a:spcPts val="600"/>
              </a:spcAft>
              <a:buClr>
                <a:srgbClr val="E4610F"/>
              </a:buClr>
              <a:buSzTx/>
              <a:tabLst/>
              <a:defRPr/>
            </a:pPr>
            <a:r>
              <a:rPr lang="en-US" sz="1400" i="1">
                <a:effectLst/>
                <a:latin typeface="Arial" panose="020B0604020202020204" pitchFamily="34" charset="0"/>
                <a:ea typeface="Cambria" panose="02040503050406030204" pitchFamily="18" charset="0"/>
              </a:rPr>
              <a:t>“The visual or ocular inspections include views of all the systems but not to undertake any live testing nor non-destructive testing”</a:t>
            </a:r>
            <a:endParaRPr kumimoji="0" lang="en-US" sz="1200" b="0" i="1" u="none" strike="noStrike" kern="1200" cap="none" spc="0" normalizeH="0" baseline="0" noProof="0">
              <a:ln>
                <a:noFill/>
              </a:ln>
              <a:solidFill>
                <a:srgbClr val="0C0808"/>
              </a:solidFill>
              <a:effectLst/>
              <a:uLnTx/>
              <a:uFillTx/>
              <a:latin typeface="Arial"/>
              <a:ea typeface="+mn-ea"/>
              <a:cs typeface="+mn-cs"/>
            </a:endParaRPr>
          </a:p>
        </p:txBody>
      </p:sp>
      <p:pic>
        <p:nvPicPr>
          <p:cNvPr id="5" name="Picture 4" descr="A picture containing sky, outdoor, truck, transport&#10;&#10;Description automatically generated">
            <a:extLst>
              <a:ext uri="{FF2B5EF4-FFF2-40B4-BE49-F238E27FC236}">
                <a16:creationId xmlns:a16="http://schemas.microsoft.com/office/drawing/2014/main" id="{F254A5D9-7735-C79B-1C6E-8601100A10C9}"/>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444842" y="4242904"/>
            <a:ext cx="2133456" cy="1581840"/>
          </a:xfrm>
          <a:prstGeom prst="rect">
            <a:avLst/>
          </a:prstGeom>
          <a:ln>
            <a:noFill/>
          </a:ln>
          <a:effectLst>
            <a:softEdge rad="112500"/>
          </a:effectLst>
        </p:spPr>
      </p:pic>
      <p:pic>
        <p:nvPicPr>
          <p:cNvPr id="7" name="Picture 6" descr="A group of people wearing safety vests&#10;&#10;Description automatically generated with medium confidence">
            <a:extLst>
              <a:ext uri="{FF2B5EF4-FFF2-40B4-BE49-F238E27FC236}">
                <a16:creationId xmlns:a16="http://schemas.microsoft.com/office/drawing/2014/main" id="{E261AC70-378B-1CD3-D3A7-33397E53010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710102" y="1594507"/>
            <a:ext cx="2633615" cy="1975211"/>
          </a:xfrm>
          <a:prstGeom prst="rect">
            <a:avLst/>
          </a:prstGeom>
          <a:ln>
            <a:noFill/>
          </a:ln>
          <a:effectLst>
            <a:softEdge rad="112500"/>
          </a:effectLst>
        </p:spPr>
      </p:pic>
      <p:pic>
        <p:nvPicPr>
          <p:cNvPr id="9" name="Picture 8" descr="A group of men wearing safety vests and reflectors&#10;&#10;Description automatically generated with low confidence">
            <a:extLst>
              <a:ext uri="{FF2B5EF4-FFF2-40B4-BE49-F238E27FC236}">
                <a16:creationId xmlns:a16="http://schemas.microsoft.com/office/drawing/2014/main" id="{7BF20393-FEF1-BCE1-D38C-0EB1960495F0}"/>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520556" y="1594507"/>
            <a:ext cx="1982028" cy="2642704"/>
          </a:xfrm>
          <a:prstGeom prst="rect">
            <a:avLst/>
          </a:prstGeom>
          <a:ln>
            <a:noFill/>
          </a:ln>
          <a:effectLst>
            <a:softEdge rad="112500"/>
          </a:effectLst>
        </p:spPr>
      </p:pic>
      <p:pic>
        <p:nvPicPr>
          <p:cNvPr id="11" name="Picture 10">
            <a:extLst>
              <a:ext uri="{FF2B5EF4-FFF2-40B4-BE49-F238E27FC236}">
                <a16:creationId xmlns:a16="http://schemas.microsoft.com/office/drawing/2014/main" id="{08724ADE-EBB8-9899-22B1-AE4AD9D53330}"/>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710101" y="3663900"/>
            <a:ext cx="2633615" cy="1975211"/>
          </a:xfrm>
          <a:prstGeom prst="rect">
            <a:avLst/>
          </a:prstGeom>
          <a:ln>
            <a:noFill/>
          </a:ln>
          <a:effectLst>
            <a:softEdge rad="112500"/>
          </a:effectLst>
        </p:spPr>
      </p:pic>
    </p:spTree>
    <p:extLst>
      <p:ext uri="{BB962C8B-B14F-4D97-AF65-F5344CB8AC3E}">
        <p14:creationId xmlns:p14="http://schemas.microsoft.com/office/powerpoint/2010/main" val="72015810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874381D-3683-E1CA-4051-FAF5437746BA}"/>
              </a:ext>
            </a:extLst>
          </p:cNvPr>
          <p:cNvSpPr txBox="1"/>
          <p:nvPr/>
        </p:nvSpPr>
        <p:spPr>
          <a:xfrm>
            <a:off x="603877" y="477209"/>
            <a:ext cx="5360275" cy="461665"/>
          </a:xfrm>
          <a:prstGeom prst="rect">
            <a:avLst/>
          </a:prstGeom>
          <a:noFill/>
        </p:spPr>
        <p:txBody>
          <a:bodyPr wrap="square" rtlCol="0">
            <a:spAutoFit/>
          </a:bodyPr>
          <a:lstStyle/>
          <a:p>
            <a:r>
              <a:rPr lang="en-US" sz="2400" cap="all" spc="-136">
                <a:solidFill>
                  <a:schemeClr val="tx2"/>
                </a:solidFill>
              </a:rPr>
              <a:t>LESSON LEARNT</a:t>
            </a:r>
          </a:p>
        </p:txBody>
      </p:sp>
      <p:graphicFrame>
        <p:nvGraphicFramePr>
          <p:cNvPr id="28" name="Table 20">
            <a:extLst>
              <a:ext uri="{FF2B5EF4-FFF2-40B4-BE49-F238E27FC236}">
                <a16:creationId xmlns:a16="http://schemas.microsoft.com/office/drawing/2014/main" id="{A1133062-76FE-A037-3C01-2C7C826D9138}"/>
              </a:ext>
            </a:extLst>
          </p:cNvPr>
          <p:cNvGraphicFramePr>
            <a:graphicFrameLocks noGrp="1"/>
          </p:cNvGraphicFramePr>
          <p:nvPr>
            <p:ph idx="1"/>
            <p:extLst>
              <p:ext uri="{D42A27DB-BD31-4B8C-83A1-F6EECF244321}">
                <p14:modId xmlns:p14="http://schemas.microsoft.com/office/powerpoint/2010/main" val="3321319662"/>
              </p:ext>
            </p:extLst>
          </p:nvPr>
        </p:nvGraphicFramePr>
        <p:xfrm>
          <a:off x="727598" y="1360215"/>
          <a:ext cx="2733744" cy="4152783"/>
        </p:xfrm>
        <a:graphic>
          <a:graphicData uri="http://schemas.openxmlformats.org/drawingml/2006/table">
            <a:tbl>
              <a:tblPr firstRow="1" bandRow="1">
                <a:tableStyleId>{21E4AEA4-8DFA-4A89-87EB-49C32662AFE0}</a:tableStyleId>
              </a:tblPr>
              <a:tblGrid>
                <a:gridCol w="2733744">
                  <a:extLst>
                    <a:ext uri="{9D8B030D-6E8A-4147-A177-3AD203B41FA5}">
                      <a16:colId xmlns:a16="http://schemas.microsoft.com/office/drawing/2014/main" val="119134283"/>
                    </a:ext>
                  </a:extLst>
                </a:gridCol>
              </a:tblGrid>
              <a:tr h="1175247">
                <a:tc>
                  <a:txBody>
                    <a:bodyPr/>
                    <a:lstStyle/>
                    <a:p>
                      <a:pPr marL="0" indent="0">
                        <a:buNone/>
                      </a:pPr>
                      <a:r>
                        <a:rPr lang="en-US" sz="1800" b="0">
                          <a:solidFill>
                            <a:schemeClr val="tx1"/>
                          </a:solidFill>
                          <a:latin typeface="Arial" panose="020B0604020202020204" pitchFamily="34" charset="0"/>
                          <a:cs typeface="Arial" panose="020B0604020202020204" pitchFamily="34" charset="0"/>
                        </a:rPr>
                        <a:t>Survey, Interviews, and Questionnaires</a:t>
                      </a:r>
                      <a:endParaRPr lang="en-PH" sz="1800" b="0">
                        <a:solidFill>
                          <a:schemeClr val="tx1"/>
                        </a:solidFill>
                        <a:latin typeface="Arial" panose="020B0604020202020204" pitchFamily="34" charset="0"/>
                        <a:cs typeface="Arial" panose="020B0604020202020204" pitchFamily="34" charset="0"/>
                      </a:endParaRPr>
                    </a:p>
                  </a:txBody>
                  <a:tcPr>
                    <a:lnL w="12700" cmpd="sng">
                      <a:noFill/>
                    </a:lnL>
                    <a:lnR w="12700" cmpd="sng">
                      <a:noFill/>
                    </a:lnR>
                    <a:lnT w="38100" cmpd="sng">
                      <a:noFill/>
                    </a:lnT>
                    <a:lnB w="12700" cap="flat" cmpd="sng" algn="ctr">
                      <a:solidFill>
                        <a:srgbClr val="E4610F"/>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267356057"/>
                  </a:ext>
                </a:extLst>
              </a:tr>
              <a:tr h="1240176">
                <a:tc>
                  <a:txBody>
                    <a:bodyPr/>
                    <a:lstStyle/>
                    <a:p>
                      <a:r>
                        <a:rPr lang="en-US" sz="1800" b="0">
                          <a:latin typeface="Arial" panose="020B0604020202020204" pitchFamily="34" charset="0"/>
                          <a:cs typeface="Arial" panose="020B0604020202020204" pitchFamily="34" charset="0"/>
                        </a:rPr>
                        <a:t>Lesson Learnt Session (1 day to max 2 days)</a:t>
                      </a:r>
                    </a:p>
                    <a:p>
                      <a:endParaRPr lang="en-US" sz="1800" b="0">
                        <a:latin typeface="Arial" panose="020B0604020202020204" pitchFamily="34" charset="0"/>
                        <a:cs typeface="Arial" panose="020B0604020202020204" pitchFamily="34" charset="0"/>
                      </a:endParaRPr>
                    </a:p>
                    <a:p>
                      <a:endParaRPr lang="en-US" sz="1800" b="0">
                        <a:latin typeface="Arial" panose="020B0604020202020204" pitchFamily="34" charset="0"/>
                        <a:cs typeface="Arial" panose="020B0604020202020204" pitchFamily="34" charset="0"/>
                      </a:endParaRPr>
                    </a:p>
                    <a:p>
                      <a:endParaRPr lang="en-US" sz="1800" b="0">
                        <a:latin typeface="Arial" panose="020B0604020202020204" pitchFamily="34" charset="0"/>
                        <a:cs typeface="Arial" panose="020B0604020202020204" pitchFamily="34" charset="0"/>
                      </a:endParaRPr>
                    </a:p>
                    <a:p>
                      <a:endParaRPr lang="en-US" sz="1800" b="0">
                        <a:latin typeface="Arial" panose="020B0604020202020204" pitchFamily="34" charset="0"/>
                        <a:cs typeface="Arial" panose="020B0604020202020204" pitchFamily="34" charset="0"/>
                      </a:endParaRPr>
                    </a:p>
                  </a:txBody>
                  <a:tcPr>
                    <a:lnT w="12700" cap="flat" cmpd="sng" algn="ctr">
                      <a:solidFill>
                        <a:srgbClr val="E4610F"/>
                      </a:solidFill>
                      <a:prstDash val="solid"/>
                      <a:round/>
                      <a:headEnd type="none" w="med" len="med"/>
                      <a:tailEnd type="none" w="med" len="med"/>
                    </a:lnT>
                    <a:lnB w="12700" cap="flat" cmpd="sng" algn="ctr">
                      <a:solidFill>
                        <a:srgbClr val="E4610F"/>
                      </a:solidFill>
                      <a:prstDash val="solid"/>
                      <a:round/>
                      <a:headEnd type="none" w="med" len="med"/>
                      <a:tailEnd type="none" w="med" len="med"/>
                    </a:lnB>
                    <a:noFill/>
                  </a:tcPr>
                </a:tc>
                <a:extLst>
                  <a:ext uri="{0D108BD9-81ED-4DB2-BD59-A6C34878D82A}">
                    <a16:rowId xmlns:a16="http://schemas.microsoft.com/office/drawing/2014/main" val="2521846380"/>
                  </a:ext>
                </a:extLst>
              </a:tr>
              <a:tr h="1240176">
                <a:tc>
                  <a:txBody>
                    <a:bodyPr/>
                    <a:lstStyle/>
                    <a:p>
                      <a:r>
                        <a:rPr lang="en-US" sz="1800" b="0">
                          <a:latin typeface="Arial" panose="020B0604020202020204" pitchFamily="34" charset="0"/>
                          <a:cs typeface="Arial" panose="020B0604020202020204" pitchFamily="34" charset="0"/>
                        </a:rPr>
                        <a:t>Compilation and Analysis of Results </a:t>
                      </a:r>
                      <a:endParaRPr lang="en-PH" sz="1800" b="0">
                        <a:latin typeface="Arial" panose="020B0604020202020204" pitchFamily="34" charset="0"/>
                        <a:cs typeface="Arial" panose="020B0604020202020204" pitchFamily="34" charset="0"/>
                      </a:endParaRPr>
                    </a:p>
                  </a:txBody>
                  <a:tcPr>
                    <a:lnT w="12700" cap="flat" cmpd="sng" algn="ctr">
                      <a:solidFill>
                        <a:srgbClr val="E4610F"/>
                      </a:solidFill>
                      <a:prstDash val="solid"/>
                      <a:round/>
                      <a:headEnd type="none" w="med" len="med"/>
                      <a:tailEnd type="none" w="med" len="med"/>
                    </a:lnT>
                    <a:lnB w="12700" cap="flat" cmpd="sng" algn="ctr">
                      <a:noFill/>
                      <a:prstDash val="solid"/>
                      <a:round/>
                      <a:headEnd type="none" w="med" len="med"/>
                      <a:tailEnd type="none" w="med" len="med"/>
                    </a:lnB>
                    <a:noFill/>
                  </a:tcPr>
                </a:tc>
                <a:extLst>
                  <a:ext uri="{0D108BD9-81ED-4DB2-BD59-A6C34878D82A}">
                    <a16:rowId xmlns:a16="http://schemas.microsoft.com/office/drawing/2014/main" val="3905865104"/>
                  </a:ext>
                </a:extLst>
              </a:tr>
            </a:tbl>
          </a:graphicData>
        </a:graphic>
      </p:graphicFrame>
      <p:pic>
        <p:nvPicPr>
          <p:cNvPr id="30" name="Picture 29" descr="Chart&#10;&#10;Description automatically generated">
            <a:extLst>
              <a:ext uri="{FF2B5EF4-FFF2-40B4-BE49-F238E27FC236}">
                <a16:creationId xmlns:a16="http://schemas.microsoft.com/office/drawing/2014/main" id="{610FD5F8-1688-360E-D329-4A030ACCD69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963706" y="3952109"/>
            <a:ext cx="3202875" cy="2063322"/>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pic>
        <p:nvPicPr>
          <p:cNvPr id="31" name="Picture 30">
            <a:extLst>
              <a:ext uri="{FF2B5EF4-FFF2-40B4-BE49-F238E27FC236}">
                <a16:creationId xmlns:a16="http://schemas.microsoft.com/office/drawing/2014/main" id="{5A9C3455-0535-1283-C103-ED17B9094DCC}"/>
              </a:ext>
            </a:extLst>
          </p:cNvPr>
          <p:cNvPicPr>
            <a:picLocks noChangeAspect="1"/>
          </p:cNvPicPr>
          <p:nvPr/>
        </p:nvPicPr>
        <p:blipFill>
          <a:blip r:embed="rId4"/>
          <a:stretch>
            <a:fillRect/>
          </a:stretch>
        </p:blipFill>
        <p:spPr>
          <a:xfrm>
            <a:off x="7996658" y="4040575"/>
            <a:ext cx="849698" cy="28543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sp>
        <p:nvSpPr>
          <p:cNvPr id="32" name="Arrow: Chevron 31">
            <a:extLst>
              <a:ext uri="{FF2B5EF4-FFF2-40B4-BE49-F238E27FC236}">
                <a16:creationId xmlns:a16="http://schemas.microsoft.com/office/drawing/2014/main" id="{64977448-CF42-6EB8-DD97-FEFB7707ADA4}"/>
              </a:ext>
            </a:extLst>
          </p:cNvPr>
          <p:cNvSpPr/>
          <p:nvPr/>
        </p:nvSpPr>
        <p:spPr>
          <a:xfrm>
            <a:off x="3434375" y="1590085"/>
            <a:ext cx="588832" cy="2834776"/>
          </a:xfrm>
          <a:prstGeom prst="chevron">
            <a:avLst>
              <a:gd name="adj" fmla="val 75157"/>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PH">
              <a:solidFill>
                <a:schemeClr val="tx1"/>
              </a:solidFill>
            </a:endParaRPr>
          </a:p>
        </p:txBody>
      </p:sp>
      <p:sp>
        <p:nvSpPr>
          <p:cNvPr id="34" name="TextBox 33">
            <a:extLst>
              <a:ext uri="{FF2B5EF4-FFF2-40B4-BE49-F238E27FC236}">
                <a16:creationId xmlns:a16="http://schemas.microsoft.com/office/drawing/2014/main" id="{B1A55972-83B4-5FB6-9F6B-7F55EC37EC8E}"/>
              </a:ext>
            </a:extLst>
          </p:cNvPr>
          <p:cNvSpPr txBox="1"/>
          <p:nvPr/>
        </p:nvSpPr>
        <p:spPr>
          <a:xfrm>
            <a:off x="4078125" y="2411791"/>
            <a:ext cx="2887270" cy="2031325"/>
          </a:xfrm>
          <a:prstGeom prst="rect">
            <a:avLst/>
          </a:prstGeom>
          <a:noFill/>
        </p:spPr>
        <p:txBody>
          <a:bodyPr wrap="square">
            <a:spAutoFit/>
          </a:bodyPr>
          <a:lstStyle/>
          <a:p>
            <a:pPr marL="285750" indent="-285750">
              <a:buFont typeface="Wingdings" panose="05000000000000000000" pitchFamily="2" charset="2"/>
              <a:buChar char="Ø"/>
            </a:pPr>
            <a:r>
              <a:rPr lang="en-US"/>
              <a:t>Planning and Strategizing</a:t>
            </a:r>
          </a:p>
          <a:p>
            <a:pPr marL="285750" indent="-285750">
              <a:buFont typeface="Wingdings" panose="05000000000000000000" pitchFamily="2" charset="2"/>
              <a:buChar char="Ø"/>
            </a:pPr>
            <a:r>
              <a:rPr lang="en-US"/>
              <a:t>Facilitating</a:t>
            </a:r>
          </a:p>
          <a:p>
            <a:pPr marL="285750" indent="-285750">
              <a:buFont typeface="Wingdings" panose="05000000000000000000" pitchFamily="2" charset="2"/>
              <a:buChar char="Ø"/>
            </a:pPr>
            <a:r>
              <a:rPr lang="en-US"/>
              <a:t>Supervised Surveys</a:t>
            </a:r>
          </a:p>
          <a:p>
            <a:pPr marL="285750" indent="-285750">
              <a:buFont typeface="Wingdings" panose="05000000000000000000" pitchFamily="2" charset="2"/>
              <a:buChar char="Ø"/>
            </a:pPr>
            <a:r>
              <a:rPr lang="en-US"/>
              <a:t>Dashboard </a:t>
            </a:r>
          </a:p>
          <a:p>
            <a:pPr marL="285750" indent="-285750">
              <a:buFont typeface="Wingdings" panose="05000000000000000000" pitchFamily="2" charset="2"/>
              <a:buChar char="Ø"/>
            </a:pPr>
            <a:endParaRPr lang="en-US"/>
          </a:p>
          <a:p>
            <a:pPr marL="285750" indent="-285750">
              <a:buFont typeface="Wingdings" panose="05000000000000000000" pitchFamily="2" charset="2"/>
              <a:buChar char="Ø"/>
            </a:pPr>
            <a:endParaRPr lang="en-US"/>
          </a:p>
          <a:p>
            <a:pPr marL="285750" indent="-285750">
              <a:buFont typeface="Wingdings" panose="05000000000000000000" pitchFamily="2" charset="2"/>
              <a:buChar char="Ø"/>
            </a:pPr>
            <a:endParaRPr lang="en-US"/>
          </a:p>
        </p:txBody>
      </p:sp>
      <p:pic>
        <p:nvPicPr>
          <p:cNvPr id="3" name="Picture 2" descr="Text, letter&#10;&#10;Description automatically generated">
            <a:extLst>
              <a:ext uri="{FF2B5EF4-FFF2-40B4-BE49-F238E27FC236}">
                <a16:creationId xmlns:a16="http://schemas.microsoft.com/office/drawing/2014/main" id="{F418591C-CF59-5EC1-7ED5-34623AB1869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557290" y="1097256"/>
            <a:ext cx="2346739" cy="1566057"/>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pic>
        <p:nvPicPr>
          <p:cNvPr id="1026" name="Picture 2">
            <a:extLst>
              <a:ext uri="{FF2B5EF4-FFF2-40B4-BE49-F238E27FC236}">
                <a16:creationId xmlns:a16="http://schemas.microsoft.com/office/drawing/2014/main" id="{0D80A9AF-87F9-7C00-013B-4474123A643C}"/>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rot="897043">
            <a:off x="9074199" y="2109465"/>
            <a:ext cx="2412559" cy="1609118"/>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spTree>
    <p:extLst>
      <p:ext uri="{BB962C8B-B14F-4D97-AF65-F5344CB8AC3E}">
        <p14:creationId xmlns:p14="http://schemas.microsoft.com/office/powerpoint/2010/main" val="216388090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TIMEBANDSHAPEPADDINGTOP" val="5"/>
  <p:tag name="OTLTIMEBANDCULTUREINFO" val="en-US"/>
  <p:tag name="OTLTIMEBANDQUICKPOSITION" val="Custom"/>
  <p:tag name="OTLTIMEBANDTHREEDEFFECTS" val="None"/>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d"/>
  <p:tag name="OTLTIMEBANDSCALETYPE" val="Days"/>
  <p:tag name="OTLTIMEBANDSHAPETYPE" val="RectangleTimeband"/>
  <p:tag name="OTLTIMEBANDSHAPEHEIGHT" val="30"/>
  <p:tag name="OTLTIMEBANDSHAPEPADDINGLEFT" val="0"/>
  <p:tag name="OTLTIMEBANDENDDATE" val="2022-07-02T23:59:00.0000000"/>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0"/>
  <p:tag name="OTLDURATIONFORMAT" val="day"/>
  <p:tag name="OTLSPACING" val="3"/>
  <p:tag name="OTLSHAPETHICKNESSTYPE" val="Custom"/>
  <p:tag name="OTLWEEKNUMBERINGFORMAT" val="WNFormat1"/>
  <p:tag name="OTLWEEKNUMBERINGISVISIBLE" val="False"/>
  <p:tag name="OTLSTARTDATE" val="2022-05-30T00:00:00.0000000Z"/>
  <p:tag name="OTLENDDATE" val="2022-06-03T23:59:00.0000000Z"/>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0"/>
  <p:tag name="OTLDURATIONFORMAT" val="day"/>
  <p:tag name="OTLSPACING" val="3"/>
  <p:tag name="OTLSHAPETHICKNESSTYPE" val="Custom"/>
  <p:tag name="OTLWEEKNUMBERINGFORMAT" val="WNFormat1"/>
  <p:tag name="OTLWEEKNUMBERINGISVISIBLE" val="False"/>
  <p:tag name="OTLSTARTDATE" val="2022-05-31T00:00:00.0000000Z"/>
  <p:tag name="OTLENDDATE" val="2022-06-10T23:59:00.0000000Z"/>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0"/>
  <p:tag name="OTLDURATIONFORMAT" val="day"/>
  <p:tag name="OTLSPACING" val="3"/>
  <p:tag name="OTLSHAPETHICKNESSTYPE" val="Custom"/>
  <p:tag name="OTLWEEKNUMBERINGFORMAT" val="WNFormat1"/>
  <p:tag name="OTLWEEKNUMBERINGISVISIBLE" val="False"/>
  <p:tag name="OTLSTARTDATE" val="2022-06-01T00:00:00.0000000Z"/>
  <p:tag name="OTLENDDATE" val="2022-06-07T23:59:00.0000000Z"/>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0"/>
  <p:tag name="OTLDURATIONFORMAT" val="day"/>
  <p:tag name="OTLSPACING" val="3"/>
  <p:tag name="OTLSHAPETHICKNESSTYPE" val="Custom"/>
  <p:tag name="OTLWEEKNUMBERINGFORMAT" val="WNFormat1"/>
  <p:tag name="OTLWEEKNUMBERINGISVISIBLE" val="False"/>
  <p:tag name="OTLSTARTDATE" val="2022-06-05T00:00:00.0000000Z"/>
  <p:tag name="OTLENDDATE" val="2022-06-15T23:59:00.0000000Z"/>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0"/>
  <p:tag name="OTLDURATIONFORMAT" val="day"/>
  <p:tag name="OTLSPACING" val="3"/>
  <p:tag name="OTLSHAPETHICKNESSTYPE" val="Custom"/>
  <p:tag name="OTLWEEKNUMBERINGFORMAT" val="WNFormat1"/>
  <p:tag name="OTLWEEKNUMBERINGISVISIBLE" val="False"/>
  <p:tag name="OTLSTARTDATE" val="2022-06-01T00:00:00.0000000Z"/>
  <p:tag name="OTLENDDATE" val="2022-06-13T23:59:00.0000000Z"/>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0"/>
  <p:tag name="OTLDURATIONFORMAT" val="day"/>
  <p:tag name="OTLSPACING" val="3"/>
  <p:tag name="OTLSHAPETHICKNESSTYPE" val="Custom"/>
  <p:tag name="OTLWEEKNUMBERINGFORMAT" val="WNFormat1"/>
  <p:tag name="OTLWEEKNUMBERINGISVISIBLE" val="False"/>
  <p:tag name="OTLSTARTDATE" val="2022-06-13T00:00:00.0000000Z"/>
  <p:tag name="OTLENDDATE" val="2022-06-22T23:59:00.0000000Z"/>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0"/>
  <p:tag name="OTLDURATIONFORMAT" val="day"/>
  <p:tag name="OTLSPACING" val="3"/>
  <p:tag name="OTLSHAPETHICKNESSTYPE" val="Custom"/>
  <p:tag name="OTLWEEKNUMBERINGFORMAT" val="WNFormat1"/>
  <p:tag name="OTLWEEKNUMBERINGISVISIBLE" val="False"/>
  <p:tag name="OTLSTARTDATE" val="2022-06-14T00:00:00.0000000Z"/>
  <p:tag name="OTLENDDATE" val="2022-06-18T23:59:00.0000000Z"/>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0"/>
  <p:tag name="OTLDURATIONFORMAT" val="day"/>
  <p:tag name="OTLSPACING" val="3"/>
  <p:tag name="OTLSHAPETHICKNESSTYPE" val="Custom"/>
  <p:tag name="OTLWEEKNUMBERINGFORMAT" val="WNFormat1"/>
  <p:tag name="OTLWEEKNUMBERINGISVISIBLE" val="False"/>
  <p:tag name="OTLSTARTDATE" val="2022-06-15T00:00:00.0000000Z"/>
  <p:tag name="OTLENDDATE" val="2022-06-20T23:59:00.0000000Z"/>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Identify client issues"/>
  <p:tag name="OTLPOSITIONONTASK" val="None"/>
  <p:tag name="OTLRELATEDTASKID" val="00000000-0000-0000-0000-000000000000"/>
  <p:tag name="OTLWEEKNUMBERINGFORMAT" val="WNFormat1"/>
  <p:tag name="OTLWEEKNUMBERINGISVISIBLE" val="False"/>
  <p:tag name="OTLDATE" val="2022-05-29T23:59:00.0000000"/>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Performance thresholds"/>
  <p:tag name="OTLPOSITIONONTASK" val="None"/>
  <p:tag name="OTLRELATEDTASKID" val="00000000-0000-0000-0000-000000000000"/>
  <p:tag name="OTLWEEKNUMBERINGFORMAT" val="WNFormat1"/>
  <p:tag name="OTLWEEKNUMBERINGISVISIBLE" val="False"/>
  <p:tag name="OTLDATE" val="2022-06-07T23:59:00.0000000"/>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Performance thresholds"/>
  <p:tag name="OTLPOSITIONONTASK" val="None"/>
  <p:tag name="OTLRELATEDTASKID" val="00000000-0000-0000-0000-000000000000"/>
  <p:tag name="OTLWEEKNUMBERINGFORMAT" val="WNFormat1"/>
  <p:tag name="OTLWEEKNUMBERINGISVISIBLE" val="False"/>
  <p:tag name="OTLDATE" val="2022-06-07T23:59:00.0000000"/>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Performance thresholds"/>
  <p:tag name="OTLPOSITIONONTASK" val="None"/>
  <p:tag name="OTLRELATEDTASKID" val="00000000-0000-0000-0000-000000000000"/>
  <p:tag name="OTLWEEKNUMBERINGFORMAT" val="WNFormat1"/>
  <p:tag name="OTLWEEKNUMBERINGISVISIBLE" val="False"/>
  <p:tag name="OTLDATE" val="2022-06-07T23:59:00.0000000"/>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417B7F1FA4A5D84981C51F3A7C3A0905" ma:contentTypeVersion="17" ma:contentTypeDescription="Create a new document." ma:contentTypeScope="" ma:versionID="7d7b0d98fc5f659f9a4e4ab3cf9ad829">
  <xsd:schema xmlns:xsd="http://www.w3.org/2001/XMLSchema" xmlns:xs="http://www.w3.org/2001/XMLSchema" xmlns:p="http://schemas.microsoft.com/office/2006/metadata/properties" xmlns:ns2="498025e0-f188-44b1-9892-b59a2e0c0031" xmlns:ns3="a74ce4f3-2db1-4910-867f-fcde79730926" targetNamespace="http://schemas.microsoft.com/office/2006/metadata/properties" ma:root="true" ma:fieldsID="0a9b286fb7c999eb31bab736ab405d73" ns2:_="" ns3:_="">
    <xsd:import namespace="498025e0-f188-44b1-9892-b59a2e0c0031"/>
    <xsd:import namespace="a74ce4f3-2db1-4910-867f-fcde79730926"/>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AutoTags" minOccurs="0"/>
                <xsd:element ref="ns2:MediaServiceGenerationTime" minOccurs="0"/>
                <xsd:element ref="ns2:MediaServiceEventHashCode" minOccurs="0"/>
                <xsd:element ref="ns2:MediaServiceOCR" minOccurs="0"/>
                <xsd:element ref="ns2:MediaServiceDateTaken" minOccurs="0"/>
                <xsd:element ref="ns3:SharedWithUsers" minOccurs="0"/>
                <xsd:element ref="ns3:SharedWithDetails" minOccurs="0"/>
                <xsd:element ref="ns2:MediaServiceLocation" minOccurs="0"/>
                <xsd:element ref="ns2:MediaLengthInSeconds" minOccurs="0"/>
                <xsd:element ref="ns2:lcf76f155ced4ddcb4097134ff3c332f" minOccurs="0"/>
                <xsd:element ref="ns3:TaxCatchAll"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98025e0-f188-44b1-9892-b59a2e0c003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DateTaken" ma:index="16" nillable="true" ma:displayName="MediaServiceDateTaken" ma:hidden="true" ma:internalName="MediaServiceDateTaken" ma:readOnly="true">
      <xsd:simpleType>
        <xsd:restriction base="dms:Text"/>
      </xsd:simpleType>
    </xsd:element>
    <xsd:element name="MediaServiceLocation" ma:index="19" nillable="true" ma:displayName="Location" ma:internalName="MediaServiceLocation" ma:readOnly="true">
      <xsd:simpleType>
        <xsd:restriction base="dms:Text"/>
      </xsd:simpleType>
    </xsd:element>
    <xsd:element name="MediaLengthInSeconds" ma:index="20" nillable="true" ma:displayName="MediaLengthInSeconds" ma:hidden="true"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Image Tags" ma:readOnly="false" ma:fieldId="{5cf76f15-5ced-4ddc-b409-7134ff3c332f}" ma:taxonomyMulti="true" ma:sspId="f35aeea7-e848-442f-a6c3-04e7a31ee3df"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4" nillable="true" ma:displayName="MediaServiceObjectDetectorVersions" ma:description=""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74ce4f3-2db1-4910-867f-fcde79730926" elementFormDefault="qualified">
    <xsd:import namespace="http://schemas.microsoft.com/office/2006/documentManagement/types"/>
    <xsd:import namespace="http://schemas.microsoft.com/office/infopath/2007/PartnerControls"/>
    <xsd:element name="SharedWithUsers" ma:index="17"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Shared With Details" ma:internalName="SharedWithDetails" ma:readOnly="true">
      <xsd:simpleType>
        <xsd:restriction base="dms:Note">
          <xsd:maxLength value="255"/>
        </xsd:restriction>
      </xsd:simpleType>
    </xsd:element>
    <xsd:element name="TaxCatchAll" ma:index="23" nillable="true" ma:displayName="Taxonomy Catch All Column" ma:hidden="true" ma:list="{44a1993d-7abd-4bcb-828c-b5be3e1ee3b1}" ma:internalName="TaxCatchAll" ma:showField="CatchAllData" ma:web="a74ce4f3-2db1-4910-867f-fcde79730926">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TaxCatchAll xmlns="a74ce4f3-2db1-4910-867f-fcde79730926" xsi:nil="true"/>
    <lcf76f155ced4ddcb4097134ff3c332f xmlns="498025e0-f188-44b1-9892-b59a2e0c0031">
      <Terms xmlns="http://schemas.microsoft.com/office/infopath/2007/PartnerControls"/>
    </lcf76f155ced4ddcb4097134ff3c332f>
  </documentManagement>
</p:properties>
</file>

<file path=customXml/itemProps1.xml><?xml version="1.0" encoding="utf-8"?>
<ds:datastoreItem xmlns:ds="http://schemas.openxmlformats.org/officeDocument/2006/customXml" ds:itemID="{1D29F365-9A41-4F4D-9FE7-41183EA33DA6}"/>
</file>

<file path=customXml/itemProps2.xml><?xml version="1.0" encoding="utf-8"?>
<ds:datastoreItem xmlns:ds="http://schemas.openxmlformats.org/officeDocument/2006/customXml" ds:itemID="{91623016-2F39-4DC9-9ADE-56C6F5BC16DD}">
  <ds:schemaRefs>
    <ds:schemaRef ds:uri="http://schemas.microsoft.com/sharepoint/v3/contenttype/forms"/>
  </ds:schemaRefs>
</ds:datastoreItem>
</file>

<file path=customXml/itemProps3.xml><?xml version="1.0" encoding="utf-8"?>
<ds:datastoreItem xmlns:ds="http://schemas.openxmlformats.org/officeDocument/2006/customXml" ds:itemID="{14EE39A8-B118-4AB1-B046-C7860A20E8A3}">
  <ds:schemaRefs>
    <ds:schemaRef ds:uri="http://schemas.microsoft.com/office/2006/metadata/properties"/>
    <ds:schemaRef ds:uri="http://www.w3.org/XML/1998/namespace"/>
    <ds:schemaRef ds:uri="http://purl.org/dc/dcmitype/"/>
    <ds:schemaRef ds:uri="http://schemas.microsoft.com/office/infopath/2007/PartnerControls"/>
    <ds:schemaRef ds:uri="http://purl.org/dc/terms/"/>
    <ds:schemaRef ds:uri="http://schemas.microsoft.com/office/2006/documentManagement/types"/>
    <ds:schemaRef ds:uri="http://purl.org/dc/elements/1.1/"/>
    <ds:schemaRef ds:uri="http://schemas.openxmlformats.org/package/2006/metadata/core-properties"/>
    <ds:schemaRef ds:uri="a74ce4f3-2db1-4910-867f-fcde79730926"/>
    <ds:schemaRef ds:uri="498025e0-f188-44b1-9892-b59a2e0c0031"/>
  </ds:schemaRefs>
</ds:datastoreItem>
</file>

<file path=docProps/app.xml><?xml version="1.0" encoding="utf-8"?>
<Properties xmlns="http://schemas.openxmlformats.org/officeDocument/2006/extended-properties" xmlns:vt="http://schemas.openxmlformats.org/officeDocument/2006/docPropsVTypes">
  <Template/>
  <TotalTime>0</TotalTime>
  <Words>1481</Words>
  <Application>Microsoft Office PowerPoint</Application>
  <PresentationFormat>Widescreen</PresentationFormat>
  <Paragraphs>263</Paragraphs>
  <Slides>17</Slides>
  <Notes>15</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7</vt:i4>
      </vt:variant>
    </vt:vector>
  </HeadingPairs>
  <TitlesOfParts>
    <vt:vector size="24" baseType="lpstr">
      <vt:lpstr>Arial</vt:lpstr>
      <vt:lpstr>Arial (Headings)</vt:lpstr>
      <vt:lpstr>Calibri</vt:lpstr>
      <vt:lpstr>Calibri Light</vt:lpstr>
      <vt:lpstr>Verdana</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erez, William Davin</dc:creator>
  <cp:lastModifiedBy>Ogot, Mark Lester</cp:lastModifiedBy>
  <cp:revision>1</cp:revision>
  <dcterms:created xsi:type="dcterms:W3CDTF">2023-02-13T06:37:36Z</dcterms:created>
  <dcterms:modified xsi:type="dcterms:W3CDTF">2023-02-26T05:12: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ediaServiceImageTags">
    <vt:lpwstr/>
  </property>
  <property fmtid="{D5CDD505-2E9C-101B-9397-08002B2CF9AE}" pid="3" name="ContentTypeId">
    <vt:lpwstr>0x010100417B7F1FA4A5D84981C51F3A7C3A0905</vt:lpwstr>
  </property>
</Properties>
</file>